
<file path=[Content_Types].xml><?xml version="1.0" encoding="utf-8"?>
<Types xmlns="http://schemas.openxmlformats.org/package/2006/content-types">
  <Default ContentType="image/jpeg" Extension="jpeg"/>
  <Default ContentType="image/png" Extension="png"/>
  <Default ContentType="application/vnd.openxmlformats-package.relationships+xml" Extension="rels"/>
  <Default ContentType="image/vnd.ms-photo" Extension="wdp"/>
  <Default ContentType="application/xml" Extension="xml"/>
  <Override ContentType="application/vnd.openxmlformats-officedocument.extended-properties+xml" PartName="/docProps/app.xml"/>
  <Override ContentType="application/vnd.openxmlformats-package.core-properties+xml" PartName="/docProps/core.xml"/>
  <Override ContentType="application/vnd.openxmlformats-officedocument.presentationml.notesMaster+xml" PartName="/ppt/notesMasters/notesMaster1.xml"/>
  <Override ContentType="application/vnd.openxmlformats-officedocument.presentationml.notesSlide+xml" PartName="/ppt/notesSlides/notesSlide1.xml"/>
  <Override ContentType="application/vnd.openxmlformats-officedocument.presentationml.presentation.main+xml" PartName="/ppt/presentation.xml"/>
  <Override ContentType="application/vnd.openxmlformats-officedocument.presentationml.presProps+xml" PartName="/ppt/presProps.xml"/>
  <Override ContentType="application/vnd.openxmlformats-officedocument.presentationml.slideLayout+xml" PartName="/ppt/slideLayouts/slideLayout1.xml"/>
  <Override ContentType="application/vnd.openxmlformats-officedocument.presentationml.slideLayout+xml" PartName="/ppt/slideLayouts/slideLayout2.xml"/>
  <Override ContentType="application/vnd.openxmlformats-officedocument.presentationml.slideLayout+xml" PartName="/ppt/slideLayouts/slideLayout3.xml"/>
  <Override ContentType="application/vnd.openxmlformats-officedocument.presentationml.slideLayout+xml" PartName="/ppt/slideLayouts/slideLayout4.xml"/>
  <Override ContentType="application/vnd.openxmlformats-officedocument.presentationml.slideLayout+xml" PartName="/ppt/slideLayouts/slideLayout5.xml"/>
  <Override ContentType="application/vnd.openxmlformats-officedocument.presentationml.slideLayout+xml" PartName="/ppt/slideLayouts/slideLayout6.xml"/>
  <Override ContentType="application/vnd.openxmlformats-officedocument.presentationml.slideLayout+xml" PartName="/ppt/slideLayouts/slideLayout7.xml"/>
  <Override ContentType="application/vnd.openxmlformats-officedocument.presentationml.slideLayout+xml" PartName="/ppt/slideLayouts/slideLayout8.xml"/>
  <Override ContentType="application/vnd.openxmlformats-officedocument.presentationml.slideLayout+xml" PartName="/ppt/slideLayouts/slideLayout9.xml"/>
  <Override ContentType="application/vnd.openxmlformats-officedocument.presentationml.slideLayout+xml" PartName="/ppt/slideLayouts/slideLayout10.xml"/>
  <Override ContentType="application/vnd.openxmlformats-officedocument.presentationml.slideLayout+xml" PartName="/ppt/slideLayouts/slideLayout11.xml"/>
  <Override ContentType="application/vnd.openxmlformats-officedocument.presentationml.slideLayout+xml" PartName="/ppt/slideLayouts/slideLayout12.xml"/>
  <Override ContentType="application/vnd.openxmlformats-officedocument.presentationml.slideLayout+xml" PartName="/ppt/slideLayouts/slideLayout13.xml"/>
  <Override ContentType="application/vnd.openxmlformats-officedocument.presentationml.slideLayout+xml" PartName="/ppt/slideLayouts/slideLayout14.xml"/>
  <Override ContentType="application/vnd.openxmlformats-officedocument.presentationml.slideLayout+xml" PartName="/ppt/slideLayouts/slideLayout15.xml"/>
  <Override ContentType="application/vnd.openxmlformats-officedocument.presentationml.slideLayout+xml" PartName="/ppt/slideLayouts/slideLayout16.xml"/>
  <Override ContentType="application/vnd.openxmlformats-officedocument.presentationml.slideLayout+xml" PartName="/ppt/slideLayouts/slideLayout17.xml"/>
  <Override ContentType="application/vnd.openxmlformats-officedocument.presentationml.slideLayout+xml" PartName="/ppt/slideLayouts/slideLayout18.xml"/>
  <Override ContentType="application/vnd.openxmlformats-officedocument.presentationml.slideLayout+xml" PartName="/ppt/slideLayouts/slideLayout19.xml"/>
  <Override ContentType="application/vnd.openxmlformats-officedocument.presentationml.slideLayout+xml" PartName="/ppt/slideLayouts/slideLayout20.xml"/>
  <Override ContentType="application/vnd.openxmlformats-officedocument.presentationml.slideLayout+xml" PartName="/ppt/slideLayouts/slideLayout21.xml"/>
  <Override ContentType="application/vnd.openxmlformats-officedocument.presentationml.slideLayout+xml" PartName="/ppt/slideLayouts/slideLayout22.xml"/>
  <Override ContentType="application/vnd.openxmlformats-officedocument.presentationml.slideMaster+xml" PartName="/ppt/slideMasters/slideMaster1.xml"/>
  <Override ContentType="application/vnd.openxmlformats-officedocument.presentationml.slideMaster+xml" PartName="/ppt/slideMasters/slideMaster2.xml"/>
  <Override ContentType="application/vnd.openxmlformats-officedocument.presentationml.slide+xml" PartName="/ppt/slides/slide1.xml"/>
  <Override ContentType="application/vnd.openxmlformats-officedocument.presentationml.slide+xml" PartName="/ppt/slides/slide2.xml"/>
  <Override ContentType="application/vnd.openxmlformats-officedocument.presentationml.slide+xml" PartName="/ppt/slides/slide3.xml"/>
  <Override ContentType="application/vnd.openxmlformats-officedocument.presentationml.slide+xml" PartName="/ppt/slides/slide4.xml"/>
  <Override ContentType="application/vnd.openxmlformats-officedocument.presentationml.slide+xml" PartName="/ppt/slides/slide5.xml"/>
  <Override ContentType="application/vnd.openxmlformats-officedocument.presentationml.slide+xml" PartName="/ppt/slides/slide6.xml"/>
  <Override ContentType="application/vnd.openxmlformats-officedocument.presentationml.slide+xml" PartName="/ppt/slides/slide7.xml"/>
  <Override ContentType="application/vnd.openxmlformats-officedocument.presentationml.slide+xml" PartName="/ppt/slides/slide8.xml"/>
  <Override ContentType="application/vnd.openxmlformats-officedocument.presentationml.slide+xml" PartName="/ppt/slides/slide9.xml"/>
  <Override ContentType="application/vnd.openxmlformats-officedocument.presentationml.slide+xml" PartName="/ppt/slides/slide10.xml"/>
  <Override ContentType="application/vnd.openxmlformats-officedocument.presentationml.slide+xml" PartName="/ppt/slides/slide11.xml"/>
  <Override ContentType="application/vnd.openxmlformats-officedocument.presentationml.slide+xml" PartName="/ppt/slides/slide12.xml"/>
  <Override ContentType="application/vnd.openxmlformats-officedocument.presentationml.slide+xml" PartName="/ppt/slides/slide13.xml"/>
  <Override ContentType="application/vnd.openxmlformats-officedocument.presentationml.slide+xml" PartName="/ppt/slides/slide14.xml"/>
  <Override ContentType="application/vnd.openxmlformats-officedocument.presentationml.slide+xml" PartName="/ppt/slides/slide15.xml"/>
  <Override ContentType="application/vnd.openxmlformats-officedocument.presentationml.slide+xml" PartName="/ppt/slides/slide16.xml"/>
  <Override ContentType="application/vnd.openxmlformats-officedocument.presentationml.slide+xml" PartName="/ppt/slides/slide17.xml"/>
  <Override ContentType="application/vnd.openxmlformats-officedocument.presentationml.slide+xml" PartName="/ppt/slides/slide18.xml"/>
  <Override ContentType="application/vnd.openxmlformats-officedocument.presentationml.slide+xml" PartName="/ppt/slides/slide19.xml"/>
  <Override ContentType="application/vnd.openxmlformats-officedocument.presentationml.slide+xml" PartName="/ppt/slides/slide20.xml"/>
  <Override ContentType="application/vnd.openxmlformats-officedocument.presentationml.slide+xml" PartName="/ppt/slides/slide21.xml"/>
  <Override ContentType="application/vnd.openxmlformats-officedocument.presentationml.slide+xml" PartName="/ppt/slides/slide22.xml"/>
  <Override ContentType="application/vnd.openxmlformats-officedocument.presentationml.slide+xml" PartName="/ppt/slides/slide23.xml"/>
  <Override ContentType="application/vnd.openxmlformats-officedocument.presentationml.slide+xml" PartName="/ppt/slides/slide24.xml"/>
  <Override ContentType="application/vnd.openxmlformats-officedocument.presentationml.slide+xml" PartName="/ppt/slides/slide25.xml"/>
  <Override ContentType="application/vnd.openxmlformats-officedocument.presentationml.slide+xml" PartName="/ppt/slides/slide26.xml"/>
  <Override ContentType="application/vnd.openxmlformats-officedocument.presentationml.slide+xml" PartName="/ppt/slides/slide27.xml"/>
  <Override ContentType="application/vnd.openxmlformats-officedocument.presentationml.slide+xml" PartName="/ppt/slides/slide28.xml"/>
  <Override ContentType="application/vnd.openxmlformats-officedocument.presentationml.slide+xml" PartName="/ppt/slides/slide29.xml"/>
  <Override ContentType="application/vnd.openxmlformats-officedocument.presentationml.slide+xml" PartName="/ppt/slides/slide30.xml"/>
  <Override ContentType="application/vnd.openxmlformats-officedocument.presentationml.slide+xml" PartName="/ppt/slides/slide31.xml"/>
  <Override ContentType="application/vnd.openxmlformats-officedocument.presentationml.tableStyles+xml" PartName="/ppt/tableStyles.xml"/>
  <Override ContentType="application/vnd.openxmlformats-officedocument.presentationml.tags+xml" PartName="/ppt/tags/tag1.xml"/>
  <Override ContentType="application/vnd.openxmlformats-officedocument.theme+xml" PartName="/ppt/theme/theme1.xml"/>
  <Override ContentType="application/vnd.openxmlformats-officedocument.theme+xml" PartName="/ppt/theme/theme2.xml"/>
  <Override ContentType="application/vnd.openxmlformats-officedocument.theme+xml" PartName="/ppt/theme/theme3.xml"/>
  <Override ContentType="application/vnd.openxmlformats-officedocument.presentationml.viewProps+xml" PartName="/ppt/viewProps.xml"/>
</Types>
</file>

<file path=_rels/.rels><?xml version="1.0" encoding="UTF-8" standalone="yes"?><Relationships xmlns="http://schemas.openxmlformats.org/package/2006/relationships"><Relationship Id="rId1" Target="ppt/presentation.xml" Type="http://schemas.openxmlformats.org/officeDocument/2006/relationships/officeDocument"/><Relationship Id="rId2" Target="docProps/core.xml" Type="http://schemas.openxmlformats.org/package/2006/relationships/metadata/core-properties"/><Relationship Id="rId3" Target="docProps/app.xml" Type="http://schemas.openxmlformats.org/officeDocument/2006/relationships/extended-properties"/><Relationship Id="rId4" Target="docProps/thumbnail.jpeg" Type="http://schemas.openxmlformats.org/package/2006/relationships/metadata/thumbnail"/></Relationships>
</file>

<file path=ppt/presentation.xml><?xml version="1.0" encoding="utf-8"?>
<p:presentation xmlns:r="http://schemas.openxmlformats.org/officeDocument/2006/relationships" xmlns:a="http://schemas.openxmlformats.org/drawingml/2006/main" xmlns:p="http://schemas.openxmlformats.org/presentationml/2006/main" saveSubsetFonts="1">
  <p:sldMasterIdLst>
    <p:sldMasterId id="2147483648" r:id="rId1"/>
    <p:sldMasterId id="2147483672" r:id="rId2"/>
  </p:sldMasterIdLst>
  <p:notesMasterIdLst>
    <p:notesMasterId r:id="rId3"/>
  </p:notesMasterIdLst>
  <p:sldIdLst>
    <p:sldId id="256" r:id="rId4"/>
    <p:sldId id="257" r:id="rId5"/>
    <p:sldId id="258" r:id="rId6"/>
    <p:sldId id="259" r:id="rId7"/>
    <p:sldId id="260" r:id="rId8"/>
    <p:sldId id="261" r:id="rId9"/>
    <p:sldId id="262" r:id="rId10"/>
    <p:sldId id="263" r:id="rId11"/>
    <p:sldId id="264" r:id="rId12"/>
    <p:sldId id="265" r:id="rId13"/>
    <p:sldId id="266" r:id="rId14"/>
    <p:sldId id="267" r:id="rId15"/>
    <p:sldId id="268" r:id="rId16"/>
    <p:sldId id="269" r:id="rId17"/>
    <p:sldId id="270" r:id="rId18"/>
    <p:sldId id="271" r:id="rId19"/>
    <p:sldId id="272" r:id="rId20"/>
    <p:sldId id="273" r:id="rId21"/>
    <p:sldId id="274" r:id="rId22"/>
    <p:sldId id="275" r:id="rId23"/>
    <p:sldId id="276" r:id="rId24"/>
    <p:sldId id="277" r:id="rId25"/>
    <p:sldId id="278" r:id="rId26"/>
    <p:sldId id="279" r:id="rId27"/>
    <p:sldId id="280" r:id="rId28"/>
    <p:sldId id="281" r:id="rId29"/>
    <p:sldId id="282" r:id="rId30"/>
    <p:sldId id="283" r:id="rId31"/>
    <p:sldId id="284" r:id="rId32"/>
    <p:sldId id="285" r:id="rId33"/>
    <p:sldId id="287" r:id="rId34"/>
  </p:sldIdLst>
  <p:sldSz cx="12192000" cy="6858000"/>
  <p:notesSz cx="6858000" cy="9144000"/>
  <p:custDataLst>
    <p:tags r:id="rId35"/>
  </p:custDataLst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r="http://schemas.openxmlformats.org/officeDocument/2006/relationships" xmlns:a="http://schemas.openxmlformats.org/drawingml/2006/main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  <p:ext uri="{1BD7E111-0CB8-44D6-8891-C1BB2F81B7CC}">
      <p1710:readonlyRecommended xmlns:p1710="http://schemas.microsoft.com/office/powerpoint/2017/10/main" val="0"/>
    </p:ext>
  </p:extLst>
</p:presentationPr>
</file>

<file path=ppt/tableStyles.xml><?xml version="1.0" encoding="utf-8"?>
<a:tblStyleLst xmlns:r="http://schemas.openxmlformats.org/officeDocument/2006/relationships"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6083" autoAdjust="0"/>
    <p:restoredTop sz="94660"/>
  </p:normalViewPr>
  <p:slideViewPr>
    <p:cSldViewPr>
      <p:cViewPr varScale="1">
        <p:scale>
          <a:sx n="107" d="100"/>
          <a:sy n="107" d="100"/>
        </p:scale>
        <p:origin x="690" y="96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notesViewPr>
    <p:cSldViewPr>
      <p:cViewPr>
        <p:scale>
          <a:sx n="1" d="100"/>
          <a:sy n="1" d="100"/>
        </p:scale>
        <p:origin x="0" y="0"/>
      </p:cViewPr>
    </p:cSldViewPr>
  </p:notesViewPr>
  <p:gridSpacing cx="72008" cy="72008"/>
</p:viewPr>
</file>

<file path=ppt/_rels/presentation.xml.rels><?xml version="1.0" encoding="UTF-8" standalone="yes"?><Relationships xmlns="http://schemas.openxmlformats.org/package/2006/relationships"><Relationship Id="rId1" Target="slideMasters/slideMaster1.xml" Type="http://schemas.openxmlformats.org/officeDocument/2006/relationships/slideMaster"/><Relationship Id="rId10" Target="slides/slide7.xml" Type="http://schemas.openxmlformats.org/officeDocument/2006/relationships/slide"/><Relationship Id="rId11" Target="slides/slide8.xml" Type="http://schemas.openxmlformats.org/officeDocument/2006/relationships/slide"/><Relationship Id="rId12" Target="slides/slide9.xml" Type="http://schemas.openxmlformats.org/officeDocument/2006/relationships/slide"/><Relationship Id="rId13" Target="slides/slide10.xml" Type="http://schemas.openxmlformats.org/officeDocument/2006/relationships/slide"/><Relationship Id="rId14" Target="slides/slide11.xml" Type="http://schemas.openxmlformats.org/officeDocument/2006/relationships/slide"/><Relationship Id="rId15" Target="slides/slide12.xml" Type="http://schemas.openxmlformats.org/officeDocument/2006/relationships/slide"/><Relationship Id="rId16" Target="slides/slide13.xml" Type="http://schemas.openxmlformats.org/officeDocument/2006/relationships/slide"/><Relationship Id="rId17" Target="slides/slide14.xml" Type="http://schemas.openxmlformats.org/officeDocument/2006/relationships/slide"/><Relationship Id="rId18" Target="slides/slide15.xml" Type="http://schemas.openxmlformats.org/officeDocument/2006/relationships/slide"/><Relationship Id="rId19" Target="slides/slide16.xml" Type="http://schemas.openxmlformats.org/officeDocument/2006/relationships/slide"/><Relationship Id="rId2" Target="slideMasters/slideMaster2.xml" Type="http://schemas.openxmlformats.org/officeDocument/2006/relationships/slideMaster"/><Relationship Id="rId20" Target="slides/slide17.xml" Type="http://schemas.openxmlformats.org/officeDocument/2006/relationships/slide"/><Relationship Id="rId21" Target="slides/slide18.xml" Type="http://schemas.openxmlformats.org/officeDocument/2006/relationships/slide"/><Relationship Id="rId22" Target="slides/slide19.xml" Type="http://schemas.openxmlformats.org/officeDocument/2006/relationships/slide"/><Relationship Id="rId23" Target="slides/slide20.xml" Type="http://schemas.openxmlformats.org/officeDocument/2006/relationships/slide"/><Relationship Id="rId24" Target="slides/slide21.xml" Type="http://schemas.openxmlformats.org/officeDocument/2006/relationships/slide"/><Relationship Id="rId25" Target="slides/slide22.xml" Type="http://schemas.openxmlformats.org/officeDocument/2006/relationships/slide"/><Relationship Id="rId26" Target="slides/slide23.xml" Type="http://schemas.openxmlformats.org/officeDocument/2006/relationships/slide"/><Relationship Id="rId27" Target="slides/slide24.xml" Type="http://schemas.openxmlformats.org/officeDocument/2006/relationships/slide"/><Relationship Id="rId28" Target="slides/slide25.xml" Type="http://schemas.openxmlformats.org/officeDocument/2006/relationships/slide"/><Relationship Id="rId29" Target="slides/slide26.xml" Type="http://schemas.openxmlformats.org/officeDocument/2006/relationships/slide"/><Relationship Id="rId3" Target="notesMasters/notesMaster1.xml" Type="http://schemas.openxmlformats.org/officeDocument/2006/relationships/notesMaster"/><Relationship Id="rId30" Target="slides/slide27.xml" Type="http://schemas.openxmlformats.org/officeDocument/2006/relationships/slide"/><Relationship Id="rId31" Target="slides/slide28.xml" Type="http://schemas.openxmlformats.org/officeDocument/2006/relationships/slide"/><Relationship Id="rId32" Target="slides/slide29.xml" Type="http://schemas.openxmlformats.org/officeDocument/2006/relationships/slide"/><Relationship Id="rId33" Target="slides/slide30.xml" Type="http://schemas.openxmlformats.org/officeDocument/2006/relationships/slide"/><Relationship Id="rId34" Target="slides/slide31.xml" Type="http://schemas.openxmlformats.org/officeDocument/2006/relationships/slide"/><Relationship Id="rId35" Target="tags/tag1.xml" Type="http://schemas.openxmlformats.org/officeDocument/2006/relationships/tags"/><Relationship Id="rId36" Target="presProps.xml" Type="http://schemas.openxmlformats.org/officeDocument/2006/relationships/presProps"/><Relationship Id="rId37" Target="viewProps.xml" Type="http://schemas.openxmlformats.org/officeDocument/2006/relationships/viewProps"/><Relationship Id="rId38" Target="theme/theme1.xml" Type="http://schemas.openxmlformats.org/officeDocument/2006/relationships/theme"/><Relationship Id="rId39" Target="tableStyles.xml" Type="http://schemas.openxmlformats.org/officeDocument/2006/relationships/tableStyles"/><Relationship Id="rId4" Target="slides/slide1.xml" Type="http://schemas.openxmlformats.org/officeDocument/2006/relationships/slide"/><Relationship Id="rId5" Target="slides/slide2.xml" Type="http://schemas.openxmlformats.org/officeDocument/2006/relationships/slide"/><Relationship Id="rId6" Target="slides/slide3.xml" Type="http://schemas.openxmlformats.org/officeDocument/2006/relationships/slide"/><Relationship Id="rId7" Target="slides/slide4.xml" Type="http://schemas.openxmlformats.org/officeDocument/2006/relationships/slide"/><Relationship Id="rId8" Target="slides/slide5.xml" Type="http://schemas.openxmlformats.org/officeDocument/2006/relationships/slide"/><Relationship Id="rId9" Target="slides/slide6.xml" Type="http://schemas.openxmlformats.org/officeDocument/2006/relationships/slide"/></Relationships>
</file>

<file path=ppt/notesMasters/_rels/notesMaster1.xml.rels><?xml version="1.0" encoding="UTF-8" standalone="yes"?><Relationships xmlns="http://schemas.openxmlformats.org/package/2006/relationships"><Relationship Id="rId1" Target="../theme/theme3.xml" Type="http://schemas.openxmlformats.org/officeDocument/2006/relationships/theme"/></Relationships>
</file>

<file path=ppt/notesMasters/notesMaster1.xml><?xml version="1.0" encoding="utf-8"?>
<p:notesMaster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C57158B-BC16-46C1-9831-1E3AB01430CF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9C8DA6ED-4B70-4C91-BC00-EEC449F5039C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418654269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<Relationships xmlns="http://schemas.openxmlformats.org/package/2006/relationships"><Relationship Id="rId1" Target="../slides/slide31.xml" Type="http://schemas.openxmlformats.org/officeDocument/2006/relationships/slide"/><Relationship Id="rId2" Target="../notesMasters/notesMaster1.xml" Type="http://schemas.openxmlformats.org/officeDocument/2006/relationships/notesMaster"/></Relationships>
</file>

<file path=ppt/notesSlides/notesSlide1.xml><?xml version="1.0" encoding="utf-8"?>
<p:notes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</p:spTree>
    <p:extLst>
      <p:ext uri="{BB962C8B-B14F-4D97-AF65-F5344CB8AC3E}">
        <p14:creationId val="460732226"/>
      </p:ext>
    </p:extLst>
  </p:cSld>
  <p:clrMapOvr>
    <a:masterClrMapping/>
  </p:clrMapOvr>
</p:notes>
</file>

<file path=ppt/slideLayouts/_rels/slideLayout1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10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11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12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13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14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15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16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17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18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19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2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20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21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22.xml.rels><?xml version="1.0" encoding="UTF-8" standalone="yes"?><Relationships xmlns="http://schemas.openxmlformats.org/package/2006/relationships"><Relationship Id="rId1" Target="../slideMasters/slideMaster2.xml" Type="http://schemas.openxmlformats.org/officeDocument/2006/relationships/slideMaster"/></Relationships>
</file>

<file path=ppt/slideLayouts/_rels/slideLayout3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4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5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6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7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8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_rels/slideLayout9.xml.rels><?xml version="1.0" encoding="UTF-8" standalone="yes"?><Relationships xmlns="http://schemas.openxmlformats.org/package/2006/relationships"><Relationship Id="rId1" Target="../slideMasters/slideMaster1.xml" Type="http://schemas.openxmlformats.org/officeDocument/2006/relationships/slideMaster"/></Relationships>
</file>

<file path=ppt/slideLayouts/slideLayout1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preserve="1" userDrawn="1">
  <p:cSld name="标题幻灯片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7" name="矩形 6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rgbClr val="F6F3E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800"/>
          </a:p>
        </p:txBody>
      </p:sp>
    </p:spTree>
    <p:extLst>
      <p:ext uri="{BB962C8B-B14F-4D97-AF65-F5344CB8AC3E}">
        <p14:creationId val="1289884684"/>
      </p:ext>
    </p:extLst>
  </p:cSld>
  <p:clrMapOvr>
    <a:masterClrMapping/>
  </p:clrMapOvr>
  <p:transition/>
  <p:timing/>
</p:sldLayout>
</file>

<file path=ppt/slideLayouts/slideLayout10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609600" y="1600201"/>
            <a:ext cx="10972800" cy="4525963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945952967"/>
      </p:ext>
    </p:extLst>
  </p:cSld>
  <p:clrMapOvr>
    <a:masterClrMapping/>
  </p:clrMapOvr>
  <p:transition/>
  <p:timing/>
</p:sldLayout>
</file>

<file path=ppt/slideLayouts/slideLayout11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vertTitleAndTx" preserve="1">
  <p:cSld name="垂直排列标题与文本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8839200" y="274639"/>
            <a:ext cx="2743200" cy="5851525"/>
          </a:xfrm>
          <a:prstGeom prst="rect">
            <a:avLst/>
          </a:prstGeom>
        </p:spPr>
        <p:txBody>
          <a:bodyPr vert="eaVert"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609600" y="274639"/>
            <a:ext cx="8026400" cy="5851525"/>
          </a:xfrm>
          <a:prstGeom prst="rect">
            <a:avLst/>
          </a:prstGeom>
        </p:spPr>
        <p:txBody>
          <a:bodyPr vert="eaVert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3462743942"/>
      </p:ext>
    </p:extLst>
  </p:cSld>
  <p:clrMapOvr>
    <a:masterClrMapping/>
  </p:clrMapOvr>
  <p:transition/>
  <p:timing/>
</p:sldLayout>
</file>

<file path=ppt/slideLayouts/slideLayout12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 smtClean="0"/>
              <a:t>单击此处编辑母版副标题样式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538462327"/>
      </p:ext>
    </p:extLst>
  </p:cSld>
  <p:clrMapOvr>
    <a:masterClrMapping/>
  </p:clrMapOvr>
  <p:transition/>
  <p:timing/>
</p:sldLayout>
</file>

<file path=ppt/slideLayouts/slideLayout13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2915147163"/>
      </p:ext>
    </p:extLst>
  </p:cSld>
  <p:clrMapOvr>
    <a:masterClrMapping/>
  </p:clrMapOvr>
  <p:transition/>
  <p:timing/>
</p:sldLayout>
</file>

<file path=ppt/slideLayouts/slideLayout14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2949708496"/>
      </p:ext>
    </p:extLst>
  </p:cSld>
  <p:clrMapOvr>
    <a:masterClrMapping/>
  </p:clrMapOvr>
  <p:transition/>
  <p:timing/>
</p:sldLayout>
</file>

<file path=ppt/slideLayouts/slideLayout15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2515500764"/>
      </p:ext>
    </p:extLst>
  </p:cSld>
  <p:clrMapOvr>
    <a:masterClrMapping/>
  </p:clrMapOvr>
  <p:transition/>
  <p:timing/>
</p:sldLayout>
</file>

<file path=ppt/slideLayouts/slideLayout16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9074025"/>
      </p:ext>
    </p:extLst>
  </p:cSld>
  <p:clrMapOvr>
    <a:masterClrMapping/>
  </p:clrMapOvr>
  <p:transition/>
  <p:timing/>
</p:sldLayout>
</file>

<file path=ppt/slideLayouts/slideLayout17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529556349"/>
      </p:ext>
    </p:extLst>
  </p:cSld>
  <p:clrMapOvr>
    <a:masterClrMapping/>
  </p:clrMapOvr>
  <p:transition/>
  <p:timing/>
</p:sldLayout>
</file>

<file path=ppt/slideLayouts/slideLayout18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1354395760"/>
      </p:ext>
    </p:extLst>
  </p:cSld>
  <p:clrMapOvr>
    <a:masterClrMapping/>
  </p:clrMapOvr>
  <p:transition/>
  <p:timing/>
</p:sldLayout>
</file>

<file path=ppt/slideLayouts/slideLayout19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3623375825"/>
      </p:ext>
    </p:extLst>
  </p:cSld>
  <p:clrMapOvr>
    <a:masterClrMapping/>
  </p:clrMapOvr>
  <p:transition/>
  <p:timing/>
</p:sldLayout>
</file>

<file path=ppt/slideLayouts/slideLayout2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preserve="1" userDrawn="1">
  <p:cSld name="标题和内容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7" name="矩形 6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rgbClr val="F6F3E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800"/>
          </a:p>
        </p:txBody>
      </p:sp>
      <p:grpSp>
        <p:nvGrpSpPr>
          <p:cNvPr id="3" name="组合 2"/>
          <p:cNvGrpSpPr/>
          <p:nvPr userDrawn="1"/>
        </p:nvGrpSpPr>
        <p:grpSpPr>
          <a:xfrm>
            <a:off x="-1" y="588692"/>
            <a:ext cx="4035695" cy="449319"/>
            <a:chOff x="-1" y="588691"/>
            <a:chExt cx="3026771" cy="449319"/>
          </a:xfrm>
        </p:grpSpPr>
        <p:sp>
          <p:nvSpPr>
            <p:cNvPr id="4" name="矩形 1"/>
            <p:cNvSpPr/>
            <p:nvPr/>
          </p:nvSpPr>
          <p:spPr>
            <a:xfrm>
              <a:off x="-1" y="588691"/>
              <a:ext cx="3026771" cy="449319"/>
            </a:xfrm>
            <a:custGeom>
              <a:gdLst>
                <a:gd name="connsiteX0" fmla="*/ 0 w 2849910"/>
                <a:gd name="connsiteY0" fmla="*/ 0 h 484751"/>
                <a:gd name="connsiteX1" fmla="*/ 2411760 w 2849910"/>
                <a:gd name="connsiteY1" fmla="*/ 0 h 484751"/>
                <a:gd name="connsiteX2" fmla="*/ 2849910 w 2849910"/>
                <a:gd name="connsiteY2" fmla="*/ 484751 h 484751"/>
                <a:gd name="connsiteX3" fmla="*/ 0 w 2849910"/>
                <a:gd name="connsiteY3" fmla="*/ 484751 h 484751"/>
                <a:gd name="connsiteX4" fmla="*/ 0 w 2849910"/>
                <a:gd name="connsiteY4" fmla="*/ 0 h 484751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2849910" h="484751">
                  <a:moveTo>
                    <a:pt x="0" y="0"/>
                  </a:moveTo>
                  <a:lnTo>
                    <a:pt x="2411760" y="0"/>
                  </a:lnTo>
                  <a:lnTo>
                    <a:pt x="2849910" y="484751"/>
                  </a:lnTo>
                  <a:lnTo>
                    <a:pt x="0" y="48475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zh-CN" altLang="en-US" sz="1800">
                <a:solidFill>
                  <a:schemeClr val="bg1"/>
                </a:solidFill>
              </a:endParaRPr>
            </a:p>
          </p:txBody>
        </p:sp>
        <p:sp>
          <p:nvSpPr>
            <p:cNvPr id="5" name="矩形 4"/>
            <p:cNvSpPr/>
            <p:nvPr/>
          </p:nvSpPr>
          <p:spPr>
            <a:xfrm>
              <a:off x="240819" y="658342"/>
              <a:ext cx="167738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1600" kern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单击此处添加</a:t>
              </a:r>
              <a:r>
                <a:rPr lang="zh-CN" altLang="en-US" sz="1600" kern="0" smtClean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文字标</a:t>
              </a:r>
              <a:r>
                <a:rPr lang="zh-CN" altLang="en-US" sz="1600" kern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题</a:t>
              </a:r>
              <a:endParaRPr lang="zh-CN" altLang="en-US" sz="1600">
                <a:solidFill>
                  <a:schemeClr val="bg1"/>
                </a:solidFill>
              </a:endParaRPr>
            </a:p>
          </p:txBody>
        </p:sp>
      </p:grpSp>
      <p:sp>
        <p:nvSpPr>
          <p:cNvPr id="6" name="矩形 5"/>
          <p:cNvSpPr/>
          <p:nvPr userDrawn="1"/>
        </p:nvSpPr>
        <p:spPr>
          <a:xfrm>
            <a:off x="0" y="6021288"/>
            <a:ext cx="12192000" cy="83671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800"/>
          </a:p>
        </p:txBody>
      </p:sp>
      <p:sp>
        <p:nvSpPr>
          <p:cNvPr id="8" name="TextBox 7"/>
          <p:cNvSpPr txBox="1"/>
          <p:nvPr userDrawn="1"/>
        </p:nvSpPr>
        <p:spPr>
          <a:xfrm>
            <a:off x="9781423" y="6379593"/>
            <a:ext cx="1931284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900" spc="80" smtClean="0">
                <a:ln w="3175">
                  <a:noFill/>
                </a:ln>
                <a:solidFill>
                  <a:schemeClr val="tx1">
                    <a:lumMod val="50000"/>
                    <a:lumOff val="50000"/>
                  </a:schemeClr>
                </a:solidFill>
                <a:effectLst/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www.rapidppt.com</a:t>
            </a:r>
            <a:endParaRPr lang="zh-CN" altLang="en-US" sz="900" spc="80">
              <a:ln w="3175">
                <a:noFill/>
              </a:ln>
              <a:solidFill>
                <a:schemeClr val="tx1">
                  <a:lumMod val="50000"/>
                  <a:lumOff val="50000"/>
                </a:schemeClr>
              </a:solidFill>
              <a:effectLst/>
              <a:latin typeface="微软雅黑" pitchFamily="34" charset="-122"/>
              <a:ea typeface="微软雅黑" pitchFamily="34" charset="-122"/>
              <a:cs typeface="Times New Roman" pitchFamily="18" charset="0"/>
            </a:endParaRPr>
          </a:p>
        </p:txBody>
      </p:sp>
    </p:spTree>
    <p:extLst>
      <p:ext uri="{BB962C8B-B14F-4D97-AF65-F5344CB8AC3E}">
        <p14:creationId val="3775051008"/>
      </p:ext>
    </p:extLst>
  </p:cSld>
  <p:clrMapOvr>
    <a:masterClrMapping/>
  </p:clrMapOvr>
  <p:transition/>
  <p:timing/>
</p:sldLayout>
</file>

<file path=ppt/slideLayouts/slideLayout20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zh-CN" altLang="en-US" smtClean="0"/>
              <a:t>单击图标添加图片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3882815946"/>
      </p:ext>
    </p:extLst>
  </p:cSld>
  <p:clrMapOvr>
    <a:masterClrMapping/>
  </p:clrMapOvr>
  <p:transition/>
  <p:timing/>
</p:sldLayout>
</file>

<file path=ppt/slideLayouts/slideLayout21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2411325364"/>
      </p:ext>
    </p:extLst>
  </p:cSld>
  <p:clrMapOvr>
    <a:masterClrMapping/>
  </p:clrMapOvr>
  <p:transition/>
  <p:timing/>
</p:sldLayout>
</file>

<file path=ppt/slideLayouts/slideLayout22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vertTitleAndTx" preserve="1">
  <p:cSld name="垂直排列标题与 文本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6E5758D-A3C3-4E88-8AC0-22500507BD7E}" type="datetimeFigureOut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2017/2/12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4E786F-588D-4932-A7B2-AE3451FA4ACA}" type="slidenum">
              <a:rPr lang="zh-CN" altLang="en-US" smtClean="0">
                <a:solidFill>
                  <a:prstClr val="black">
                    <a:tint val="75000"/>
                  </a:prstClr>
                </a:solidFill>
              </a:rPr>
              <a:t>‹#›</a:t>
            </a:fld>
            <a:endParaRPr lang="zh-CN" alt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val="1134994353"/>
      </p:ext>
    </p:extLst>
  </p:cSld>
  <p:clrMapOvr>
    <a:masterClrMapping/>
  </p:clrMapOvr>
  <p:transition/>
  <p:timing/>
</p:sldLayout>
</file>

<file path=ppt/slideLayouts/slideLayout3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963084" y="4406901"/>
            <a:ext cx="103632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963084" y="2906713"/>
            <a:ext cx="10363200" cy="1500187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2697845615"/>
      </p:ext>
    </p:extLst>
  </p:cSld>
  <p:clrMapOvr>
    <a:masterClrMapping/>
  </p:clrMapOvr>
  <p:transition/>
  <p:timing/>
</p:sldLayout>
</file>

<file path=ppt/slideLayouts/slideLayout4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609600" y="1600201"/>
            <a:ext cx="5384800" cy="4525963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197600" y="1600201"/>
            <a:ext cx="5384800" cy="4525963"/>
          </a:xfrm>
          <a:prstGeom prst="rect">
            <a:avLst/>
          </a:prstGeo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2333119898"/>
      </p:ext>
    </p:extLst>
  </p:cSld>
  <p:clrMapOvr>
    <a:masterClrMapping/>
  </p:clrMapOvr>
  <p:transition/>
  <p:timing/>
</p:sldLayout>
</file>

<file path=ppt/slideLayouts/slideLayout5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609600" y="1535113"/>
            <a:ext cx="5386917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09600" y="2174875"/>
            <a:ext cx="5386917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6193368" y="1535113"/>
            <a:ext cx="5389033" cy="639762"/>
          </a:xfrm>
          <a:prstGeom prst="rect">
            <a:avLst/>
          </a:prstGeo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6193368" y="2174875"/>
            <a:ext cx="5389033" cy="3951288"/>
          </a:xfrm>
          <a:prstGeom prst="rect">
            <a:avLst/>
          </a:prstGeo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459235086"/>
      </p:ext>
    </p:extLst>
  </p:cSld>
  <p:clrMapOvr>
    <a:masterClrMapping/>
  </p:clrMapOvr>
  <p:transition/>
  <p:timing/>
</p:sldLayout>
</file>

<file path=ppt/slideLayouts/slideLayout6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  <a:prstGeom prst="rect">
            <a:avLst/>
          </a:prstGeom>
        </p:spPr>
        <p:txBody>
          <a:bodyPr/>
          <a:lstStyle/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3748399914"/>
      </p:ext>
    </p:extLst>
  </p:cSld>
  <p:clrMapOvr>
    <a:masterClrMapping/>
  </p:clrMapOvr>
  <p:transition/>
  <p:timing/>
</p:sldLayout>
</file>

<file path=ppt/slideLayouts/slideLayout7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1825375171"/>
      </p:ext>
    </p:extLst>
  </p:cSld>
  <p:clrMapOvr>
    <a:masterClrMapping/>
  </p:clrMapOvr>
  <p:transition/>
  <p:timing/>
</p:sldLayout>
</file>

<file path=ppt/slideLayouts/slideLayout8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609601" y="273050"/>
            <a:ext cx="4011084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4766733" y="273051"/>
            <a:ext cx="6815667" cy="5853113"/>
          </a:xfrm>
          <a:prstGeom prst="rect">
            <a:avLst/>
          </a:prstGeo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609601" y="1435101"/>
            <a:ext cx="4011084" cy="4691063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589328901"/>
      </p:ext>
    </p:extLst>
  </p:cSld>
  <p:clrMapOvr>
    <a:masterClrMapping/>
  </p:clrMapOvr>
  <p:transition/>
  <p:timing/>
</p:sldLayout>
</file>

<file path=ppt/slideLayouts/slideLayout9.xml><?xml version="1.0" encoding="utf-8"?>
<p:sldLayout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2389717" y="4800600"/>
            <a:ext cx="73152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CN" altLang="en-US" smtClean="0"/>
              <a:t>单击此处编辑母版标题样式</a:t>
            </a:r>
            <a:endParaRPr lang="zh-CN" altLang="en-US"/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2389717" y="612775"/>
            <a:ext cx="7315200" cy="41148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2389717" y="5367338"/>
            <a:ext cx="7315200" cy="8048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CN" altLang="en-US" smtClean="0"/>
              <a:t>单击此处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>
          <a:xfrm>
            <a:off x="609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CBD5ED40-B0DC-4FC6-9F32-512141D1E86D}" type="datetimeFigureOut">
              <a:rPr lang="zh-CN" altLang="en-US" smtClean="0"/>
              <a:t>2017/2/12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>
          <a:xfrm>
            <a:off x="4165600" y="6356351"/>
            <a:ext cx="3860800" cy="365125"/>
          </a:xfrm>
          <a:prstGeom prst="rect">
            <a:avLst/>
          </a:prstGeom>
        </p:spPr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>
          <a:xfrm>
            <a:off x="8737600" y="6356351"/>
            <a:ext cx="2844800" cy="365125"/>
          </a:xfrm>
          <a:prstGeom prst="rect">
            <a:avLst/>
          </a:prstGeom>
        </p:spPr>
        <p:txBody>
          <a:bodyPr/>
          <a:lstStyle/>
          <a:p>
            <a:fld id="{105D5E68-4B9B-44F5-83A8-557EA4F20129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val="1651257997"/>
      </p:ext>
    </p:extLst>
  </p:cSld>
  <p:clrMapOvr>
    <a:masterClrMapping/>
  </p:clrMapOvr>
  <p:transition/>
  <p:timing/>
</p:sldLayout>
</file>

<file path=ppt/slideMasters/_rels/slideMaster1.xml.rels><?xml version="1.0" encoding="UTF-8" standalone="yes"?><Relationships xmlns="http://schemas.openxmlformats.org/package/2006/relationships"><Relationship Id="rId1" Target="../slideLayouts/slideLayout1.xml" Type="http://schemas.openxmlformats.org/officeDocument/2006/relationships/slideLayout"/><Relationship Id="rId10" Target="../slideLayouts/slideLayout10.xml" Type="http://schemas.openxmlformats.org/officeDocument/2006/relationships/slideLayout"/><Relationship Id="rId11" Target="../slideLayouts/slideLayout11.xml" Type="http://schemas.openxmlformats.org/officeDocument/2006/relationships/slideLayout"/><Relationship Id="rId12" Target="../theme/theme1.xml" Type="http://schemas.openxmlformats.org/officeDocument/2006/relationships/theme"/><Relationship Id="rId2" Target="../slideLayouts/slideLayout2.xml" Type="http://schemas.openxmlformats.org/officeDocument/2006/relationships/slideLayout"/><Relationship Id="rId3" Target="../slideLayouts/slideLayout3.xml" Type="http://schemas.openxmlformats.org/officeDocument/2006/relationships/slideLayout"/><Relationship Id="rId4" Target="../slideLayouts/slideLayout4.xml" Type="http://schemas.openxmlformats.org/officeDocument/2006/relationships/slideLayout"/><Relationship Id="rId5" Target="../slideLayouts/slideLayout5.xml" Type="http://schemas.openxmlformats.org/officeDocument/2006/relationships/slideLayout"/><Relationship Id="rId6" Target="../slideLayouts/slideLayout6.xml" Type="http://schemas.openxmlformats.org/officeDocument/2006/relationships/slideLayout"/><Relationship Id="rId7" Target="../slideLayouts/slideLayout7.xml" Type="http://schemas.openxmlformats.org/officeDocument/2006/relationships/slideLayout"/><Relationship Id="rId8" Target="../slideLayouts/slideLayout8.xml" Type="http://schemas.openxmlformats.org/officeDocument/2006/relationships/slideLayout"/><Relationship Id="rId9" Target="../slideLayouts/slideLayout9.xml" Type="http://schemas.openxmlformats.org/officeDocument/2006/relationships/slideLayout"/></Relationships>
</file>

<file path=ppt/slideMasters/_rels/slideMaster2.xml.rels><?xml version="1.0" encoding="UTF-8" standalone="yes"?><Relationships xmlns="http://schemas.openxmlformats.org/package/2006/relationships"><Relationship Id="rId1" Target="../slideLayouts/slideLayout12.xml" Type="http://schemas.openxmlformats.org/officeDocument/2006/relationships/slideLayout"/><Relationship Id="rId10" Target="../slideLayouts/slideLayout21.xml" Type="http://schemas.openxmlformats.org/officeDocument/2006/relationships/slideLayout"/><Relationship Id="rId11" Target="../slideLayouts/slideLayout22.xml" Type="http://schemas.openxmlformats.org/officeDocument/2006/relationships/slideLayout"/><Relationship Id="rId12" Target="../theme/theme2.xml" Type="http://schemas.openxmlformats.org/officeDocument/2006/relationships/theme"/><Relationship Id="rId2" Target="../slideLayouts/slideLayout13.xml" Type="http://schemas.openxmlformats.org/officeDocument/2006/relationships/slideLayout"/><Relationship Id="rId3" Target="../slideLayouts/slideLayout14.xml" Type="http://schemas.openxmlformats.org/officeDocument/2006/relationships/slideLayout"/><Relationship Id="rId4" Target="../slideLayouts/slideLayout15.xml" Type="http://schemas.openxmlformats.org/officeDocument/2006/relationships/slideLayout"/><Relationship Id="rId5" Target="../slideLayouts/slideLayout16.xml" Type="http://schemas.openxmlformats.org/officeDocument/2006/relationships/slideLayout"/><Relationship Id="rId6" Target="../slideLayouts/slideLayout17.xml" Type="http://schemas.openxmlformats.org/officeDocument/2006/relationships/slideLayout"/><Relationship Id="rId7" Target="../slideLayouts/slideLayout18.xml" Type="http://schemas.openxmlformats.org/officeDocument/2006/relationships/slideLayout"/><Relationship Id="rId8" Target="../slideLayouts/slideLayout19.xml" Type="http://schemas.openxmlformats.org/officeDocument/2006/relationships/slideLayout"/><Relationship Id="rId9" Target="../slideLayouts/slideLayout20.xml" Type="http://schemas.openxmlformats.org/officeDocument/2006/relationships/slideLayout"/></Relationships>
</file>

<file path=ppt/slideMasters/slideMaster1.xml><?xml version="1.0" encoding="utf-8"?>
<p:sldMaster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3" name="矩形 2"/>
          <p:cNvSpPr/>
          <p:nvPr userDrawn="1"/>
        </p:nvSpPr>
        <p:spPr>
          <a:xfrm>
            <a:off x="0" y="6021288"/>
            <a:ext cx="12192000" cy="83671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1800"/>
          </a:p>
        </p:txBody>
      </p:sp>
      <p:sp>
        <p:nvSpPr>
          <p:cNvPr id="2" name="TextBox 1"/>
          <p:cNvSpPr txBox="1"/>
          <p:nvPr userDrawn="1"/>
        </p:nvSpPr>
        <p:spPr>
          <a:xfrm>
            <a:off x="9781423" y="6379593"/>
            <a:ext cx="1931284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CN" sz="900" spc="80" smtClean="0">
                <a:ln w="3175">
                  <a:noFill/>
                </a:ln>
                <a:solidFill>
                  <a:schemeClr val="tx1">
                    <a:lumMod val="50000"/>
                    <a:lumOff val="50000"/>
                  </a:schemeClr>
                </a:solidFill>
                <a:effectLst/>
                <a:latin typeface="微软雅黑" pitchFamily="34" charset="-122"/>
                <a:ea typeface="微软雅黑" pitchFamily="34" charset="-122"/>
                <a:cs typeface="Times New Roman" pitchFamily="18" charset="0"/>
              </a:rPr>
              <a:t>www.rapidppt.com</a:t>
            </a:r>
            <a:endParaRPr lang="zh-CN" altLang="en-US" sz="900" spc="80">
              <a:ln w="3175">
                <a:noFill/>
              </a:ln>
              <a:solidFill>
                <a:schemeClr val="tx1">
                  <a:lumMod val="50000"/>
                  <a:lumOff val="50000"/>
                </a:schemeClr>
              </a:solidFill>
              <a:effectLst/>
              <a:latin typeface="微软雅黑" panose="020b0503020204020204" pitchFamily="34" charset="-122"/>
              <a:ea typeface="微软雅黑" panose="020b0503020204020204" pitchFamily="34" charset="-122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val="268394715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ransition/>
  <p:timing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m="http://schemas.openxmlformats.org/officeDocument/2006/math" xmlns:w="http://schemas.openxmlformats.org/wordprocessingml/2006/main" xmlns:wp="http://schemas.openxmlformats.org/drawingml/2006/wordprocessingDrawing" xmlns:a14="http://schemas.microsoft.com/office/drawing/2010/main" xmlns:mc="http://schemas.openxmlformats.org/markup-compatibility/2006" xmlns:p14="http://schemas.microsoft.com/office/powerpoint/2010/main" xmlns:p15="http://schemas.microsoft.com/office/powerpoint/2012/main" xmlns:p159="http://schemas.microsoft.com/office/powerpoint/2015/09/main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 smtClean="0"/>
              <a:t>单击此处编辑母版标题样式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 smtClean="0"/>
              <a:t>单击此处编辑母版文本样式</a:t>
            </a:r>
          </a:p>
          <a:p>
            <a:pPr lvl="1"/>
            <a:r>
              <a:rPr lang="zh-CN" altLang="en-US" smtClean="0"/>
              <a:t>第二级</a:t>
            </a:r>
          </a:p>
          <a:p>
            <a:pPr lvl="2"/>
            <a:r>
              <a:rPr lang="zh-CN" altLang="en-US" smtClean="0"/>
              <a:t>第三级</a:t>
            </a:r>
          </a:p>
          <a:p>
            <a:pPr lvl="3"/>
            <a:r>
              <a:rPr lang="zh-CN" altLang="en-US" smtClean="0"/>
              <a:t>第四级</a:t>
            </a:r>
          </a:p>
          <a:p>
            <a:pPr lvl="4"/>
            <a:r>
              <a:rPr lang="zh-CN" altLang="en-US" smtClean="0"/>
              <a:t>第五级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764DE79-268F-4C1A-8933-263129D2AF90}" type="datetimeFigureOut">
              <a:rPr lang="en-US"/>
              <a:t>2/12/2017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8F63A3B-78C7-47BE-AE5E-E10140E04643}" type="slidenum">
              <a:rPr lang="en-US"/>
              <a:t>‹#›</a:t>
            </a:fld>
            <a:endParaRPr lang="en-US"/>
          </a:p>
        </p:txBody>
      </p:sp>
    </p:spTree>
    <p:extLst>
      <p:ext uri="{BB962C8B-B14F-4D97-AF65-F5344CB8AC3E}">
        <p14:creationId val="98027645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transition/>
  <p:timing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<Relationships xmlns="http://schemas.openxmlformats.org/package/2006/relationships"><Relationship Id="rId1" Target="../slideLayouts/slideLayout1.xml" Type="http://schemas.openxmlformats.org/officeDocument/2006/relationships/slideLayout"/></Relationships>
</file>

<file path=ppt/slides/_rels/slide10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11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12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13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14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15.xml.rels><?xml version="1.0" encoding="UTF-8" standalone="yes"?><Relationships xmlns="http://schemas.openxmlformats.org/package/2006/relationships"><Relationship Id="rId1" Target="../slideLayouts/slideLayout1.xml" Type="http://schemas.openxmlformats.org/officeDocument/2006/relationships/slideLayout"/></Relationships>
</file>

<file path=ppt/slides/_rels/slide16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Relationship Id="rId2" Target="../media/image6.jpeg" Type="http://schemas.openxmlformats.org/officeDocument/2006/relationships/image"/><Relationship Id="rId3" Target="../media/image7.wdp" Type="http://schemas.microsoft.com/office/2007/relationships/hdphoto"/><Relationship Id="rId4" Target="../media/image8.jpeg" Type="http://schemas.openxmlformats.org/officeDocument/2006/relationships/image"/><Relationship Id="rId5" Target="../media/image9.wdp" Type="http://schemas.microsoft.com/office/2007/relationships/hdphoto"/></Relationships>
</file>

<file path=ppt/slides/_rels/slide17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Relationship Id="rId2" Target="../media/image10.jpeg" Type="http://schemas.openxmlformats.org/officeDocument/2006/relationships/image"/><Relationship Id="rId3" Target="../media/image11.jpeg" Type="http://schemas.openxmlformats.org/officeDocument/2006/relationships/image"/><Relationship Id="rId4" Target="../media/image12.jpeg" Type="http://schemas.openxmlformats.org/officeDocument/2006/relationships/image"/></Relationships>
</file>

<file path=ppt/slides/_rels/slide18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Relationship Id="rId2" Target="../media/image13.png" Type="http://schemas.openxmlformats.org/officeDocument/2006/relationships/image"/><Relationship Id="rId3" Target="../media/image14.png" Type="http://schemas.openxmlformats.org/officeDocument/2006/relationships/image"/><Relationship Id="rId4" Target="../media/image15.png" Type="http://schemas.openxmlformats.org/officeDocument/2006/relationships/image"/></Relationships>
</file>

<file path=ppt/slides/_rels/slide19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2.xml.rels><?xml version="1.0" encoding="UTF-8" standalone="yes"?><Relationships xmlns="http://schemas.openxmlformats.org/package/2006/relationships"><Relationship Id="rId1" Target="../slideLayouts/slideLayout1.xml" Type="http://schemas.openxmlformats.org/officeDocument/2006/relationships/slideLayout"/></Relationships>
</file>

<file path=ppt/slides/_rels/slide20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Relationship Id="rId2" Target="../media/image16.jpeg" Type="http://schemas.openxmlformats.org/officeDocument/2006/relationships/image"/><Relationship Id="rId3" Target="../media/image17.wdp" Type="http://schemas.microsoft.com/office/2007/relationships/hdphoto"/></Relationships>
</file>

<file path=ppt/slides/_rels/slide21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22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23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24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25.xml.rels><?xml version="1.0" encoding="UTF-8" standalone="yes"?><Relationships xmlns="http://schemas.openxmlformats.org/package/2006/relationships"><Relationship Id="rId1" Target="../slideLayouts/slideLayout1.xml" Type="http://schemas.openxmlformats.org/officeDocument/2006/relationships/slideLayout"/></Relationships>
</file>

<file path=ppt/slides/_rels/slide26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27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28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29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_rels/slide3.xml.rels><?xml version="1.0" encoding="UTF-8" standalone="yes"?><Relationships xmlns="http://schemas.openxmlformats.org/package/2006/relationships"><Relationship Id="rId1" Target="../slideLayouts/slideLayout1.xml" Type="http://schemas.openxmlformats.org/officeDocument/2006/relationships/slideLayout"/></Relationships>
</file>

<file path=ppt/slides/_rels/slide30.xml.rels><?xml version="1.0" encoding="UTF-8" standalone="yes"?><Relationships xmlns="http://schemas.openxmlformats.org/package/2006/relationships"><Relationship Id="rId1" Target="../slideLayouts/slideLayout1.xml" Type="http://schemas.openxmlformats.org/officeDocument/2006/relationships/slideLayout"/></Relationships>
</file>

<file path=ppt/slides/_rels/slide31.xml.rels><?xml version="1.0" encoding="UTF-8" standalone="yes"?><Relationships xmlns="http://schemas.openxmlformats.org/package/2006/relationships"><Relationship Id="rId1" Target="../slideLayouts/slideLayout18.xml" Type="http://schemas.openxmlformats.org/officeDocument/2006/relationships/slideLayout"/><Relationship Id="rId2" Target="../notesSlides/notesSlide1.xml" Type="http://schemas.openxmlformats.org/officeDocument/2006/relationships/notesSlide"/></Relationships>
</file>

<file path=ppt/slides/_rels/slide4.xml.rels><?xml version="1.0" encoding="UTF-8" standalone="yes"?><Relationships xmlns="http://schemas.openxmlformats.org/package/2006/relationships"><Relationship Id="rId1" Target="../slideLayouts/slideLayout1.xml" Type="http://schemas.openxmlformats.org/officeDocument/2006/relationships/slideLayout"/></Relationships>
</file>

<file path=ppt/slides/_rels/slide5.xml.rels><?xml version="1.0" encoding="UTF-8" standalone="yes"?><Relationships xmlns="http://schemas.openxmlformats.org/package/2006/relationships"><Relationship Id="rId1" Target="../slideLayouts/slideLayout7.xml" Type="http://schemas.openxmlformats.org/officeDocument/2006/relationships/slideLayout"/></Relationships>
</file>

<file path=ppt/slides/_rels/slide6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Relationship Id="rId2" Target="../media/image1.png" Type="http://schemas.openxmlformats.org/officeDocument/2006/relationships/image"/><Relationship Id="rId3" Target="../media/image2.png" Type="http://schemas.openxmlformats.org/officeDocument/2006/relationships/image"/></Relationships>
</file>

<file path=ppt/slides/_rels/slide7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Relationship Id="rId2" Target="../media/image3.jpeg" Type="http://schemas.openxmlformats.org/officeDocument/2006/relationships/image"/><Relationship Id="rId3" Target="../media/image4.wdp" Type="http://schemas.microsoft.com/office/2007/relationships/hdphoto"/><Relationship Id="rId4" Target="../media/image5.png" Type="http://schemas.openxmlformats.org/officeDocument/2006/relationships/image"/></Relationships>
</file>

<file path=ppt/slides/_rels/slide8.xml.rels><?xml version="1.0" encoding="UTF-8" standalone="yes"?><Relationships xmlns="http://schemas.openxmlformats.org/package/2006/relationships"><Relationship Id="rId1" Target="../slideLayouts/slideLayout1.xml" Type="http://schemas.openxmlformats.org/officeDocument/2006/relationships/slideLayout"/></Relationships>
</file>

<file path=ppt/slides/_rels/slide9.xml.rels><?xml version="1.0" encoding="UTF-8" standalone="yes"?><Relationships xmlns="http://schemas.openxmlformats.org/package/2006/relationships"><Relationship Id="rId1" Target="../slideLayouts/slideLayout2.xml" Type="http://schemas.openxmlformats.org/officeDocument/2006/relationships/slideLayout"/></Relationships>
</file>

<file path=ppt/slides/slide1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31" name="组合 30"/>
          <p:cNvGrpSpPr/>
          <p:nvPr/>
        </p:nvGrpSpPr>
        <p:grpSpPr>
          <a:xfrm>
            <a:off x="5128098" y="709900"/>
            <a:ext cx="2247224" cy="2015652"/>
            <a:chOff x="3604098" y="709900"/>
            <a:chExt cx="2247224" cy="2015652"/>
          </a:xfrm>
        </p:grpSpPr>
        <p:sp>
          <p:nvSpPr>
            <p:cNvPr id="14" name="椭圆 13"/>
            <p:cNvSpPr/>
            <p:nvPr/>
          </p:nvSpPr>
          <p:spPr>
            <a:xfrm>
              <a:off x="3604098" y="709900"/>
              <a:ext cx="2015652" cy="2015652"/>
            </a:xfrm>
            <a:prstGeom prst="ellipse">
              <a:avLst/>
            </a:prstGeom>
            <a:solidFill>
              <a:schemeClr val="bg1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 sz="1400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3996804" y="1003671"/>
              <a:ext cx="1854517" cy="118872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7200">
                  <a:solidFill>
                    <a:schemeClr val="bg1"/>
                  </a:solidFill>
                  <a:latin charset="0" pitchFamily="66" typeface="Edwardian Script ITC"/>
                </a:rPr>
                <a:t>logo</a:t>
              </a:r>
            </a:p>
          </p:txBody>
        </p:sp>
      </p:grpSp>
      <p:sp>
        <p:nvSpPr>
          <p:cNvPr id="9" name="圆角矩形 8"/>
          <p:cNvSpPr/>
          <p:nvPr/>
        </p:nvSpPr>
        <p:spPr>
          <a:xfrm>
            <a:off x="2103476" y="1726310"/>
            <a:ext cx="8064896" cy="4427621"/>
          </a:xfrm>
          <a:custGeom>
            <a:rect b="b" l="l" r="r" t="t"/>
            <a:pathLst>
              <a:path h="4427621" w="8064896">
                <a:moveTo>
                  <a:pt x="309092" y="0"/>
                </a:moveTo>
                <a:lnTo>
                  <a:pt x="2862274" y="0"/>
                </a:lnTo>
                <a:cubicBezTo>
                  <a:pt x="2862274" y="646269"/>
                  <a:pt x="3386179" y="1170174"/>
                  <a:pt x="4032448" y="1170174"/>
                </a:cubicBezTo>
                <a:cubicBezTo>
                  <a:pt x="4678717" y="1170174"/>
                  <a:pt x="5202622" y="646269"/>
                  <a:pt x="5202622" y="0"/>
                </a:cubicBezTo>
                <a:lnTo>
                  <a:pt x="7755804" y="0"/>
                </a:lnTo>
                <a:cubicBezTo>
                  <a:pt x="7926511" y="0"/>
                  <a:pt x="8064896" y="138385"/>
                  <a:pt x="8064896" y="309092"/>
                </a:cubicBezTo>
                <a:lnTo>
                  <a:pt x="8064896" y="4118529"/>
                </a:lnTo>
                <a:cubicBezTo>
                  <a:pt x="8064896" y="4289236"/>
                  <a:pt x="7926511" y="4427621"/>
                  <a:pt x="7755804" y="4427621"/>
                </a:cubicBezTo>
                <a:lnTo>
                  <a:pt x="309092" y="4427621"/>
                </a:lnTo>
                <a:cubicBezTo>
                  <a:pt x="138385" y="4427621"/>
                  <a:pt x="0" y="4289236"/>
                  <a:pt x="0" y="4118529"/>
                </a:cubicBezTo>
                <a:lnTo>
                  <a:pt x="0" y="309092"/>
                </a:lnTo>
                <a:cubicBezTo>
                  <a:pt x="0" y="138385"/>
                  <a:pt x="138385" y="0"/>
                  <a:pt x="309092" y="0"/>
                </a:cubicBezTo>
                <a:close/>
              </a:path>
            </a:pathLst>
          </a:cu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4" name="TextBox 3"/>
          <p:cNvSpPr txBox="1"/>
          <p:nvPr/>
        </p:nvSpPr>
        <p:spPr>
          <a:xfrm>
            <a:off x="3299289" y="3104523"/>
            <a:ext cx="5929308" cy="1005840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defPPr>
              <a:defRPr lang="en-US"/>
            </a:defPPr>
            <a:lvl1pPr fontAlgn="auto">
              <a:spcBef>
                <a:spcPct val="0"/>
              </a:spcBef>
              <a:spcAft>
                <a:spcPct val="0"/>
              </a:spcAft>
              <a:defRPr sz="4400">
                <a:ln w="12700">
                  <a:solidFill>
                    <a:schemeClr val="bg1"/>
                  </a:solidFill>
                </a:ln>
                <a:gradFill>
                  <a:gsLst>
                    <a:gs pos="0">
                      <a:srgbClr val="FFC000"/>
                    </a:gs>
                    <a:gs pos="21001">
                      <a:srgbClr val="FF8F8F"/>
                    </a:gs>
                    <a:gs pos="39000">
                      <a:schemeClr val="bg1"/>
                    </a:gs>
                    <a:gs pos="52000">
                      <a:srgbClr val="FFFF00"/>
                    </a:gs>
                    <a:gs pos="73000">
                      <a:srgbClr val="EE3F17"/>
                    </a:gs>
                    <a:gs pos="88000">
                      <a:srgbClr val="580000"/>
                    </a:gs>
                    <a:gs pos="100000">
                      <a:srgbClr val="510153"/>
                    </a:gs>
                  </a:gsLst>
                  <a:lin ang="5400000" scaled="0"/>
                </a:gradFill>
                <a:effectLst>
                  <a:glow rad="50800">
                    <a:schemeClr val="tx1">
                      <a:alpha val="32000"/>
                    </a:schemeClr>
                  </a:glow>
                  <a:outerShdw algn="tl" blurRad="38100" dir="2700000" dist="38100">
                    <a:srgbClr val="000000">
                      <a:alpha val="43137"/>
                    </a:srgbClr>
                  </a:outerShdw>
                </a:effectLst>
                <a:latin charset="-122" pitchFamily="2" typeface="叶根友刀锋黑草"/>
                <a:ea charset="-122" pitchFamily="2" typeface="叶根友刀锋黑草"/>
              </a:defRPr>
            </a:lvl1pPr>
            <a:lvl2pPr eaLnBrk="0" fontAlgn="base" hangingPunct="0" indent="-285750" marL="74295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2pPr>
            <a:lvl3pPr eaLnBrk="0" fontAlgn="base" hangingPunct="0" indent="-228600" marL="11430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3pPr>
            <a:lvl4pPr eaLnBrk="0" fontAlgn="base" hangingPunct="0" indent="-228600" marL="16002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4pPr>
            <a:lvl5pPr eaLnBrk="0" fontAlgn="base" hangingPunct="0" indent="-228600" marL="20574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5pPr>
            <a:lvl6pPr eaLnBrk="0" fontAlgn="base" hangingPunct="0" indent="-228600" marL="25146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6pPr>
            <a:lvl7pPr eaLnBrk="0" fontAlgn="base" hangingPunct="0" indent="-228600" marL="29718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7pPr>
            <a:lvl8pPr eaLnBrk="0" fontAlgn="base" hangingPunct="0" indent="-228600" marL="34290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8pPr>
            <a:lvl9pPr eaLnBrk="0" fontAlgn="base" hangingPunct="0" indent="-228600" marL="38862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9pPr>
          </a:lstStyle>
          <a:p>
            <a:r>
              <a:rPr altLang="zh-CN" lang="en-US" sz="6000">
                <a:ln w="6350">
                  <a:noFill/>
                </a:ln>
                <a:solidFill>
                  <a:schemeClr val="tx1"/>
                </a:solidFill>
                <a:effectLst/>
                <a:latin charset="0" pitchFamily="34" typeface="Arial Black"/>
              </a:rPr>
              <a:t>POWERPOINT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4413807" y="4117867"/>
            <a:ext cx="3404999" cy="289560"/>
          </a:xfrm>
          <a:prstGeom prst="rect">
            <a:avLst/>
          </a:prstGeom>
          <a:noFill/>
        </p:spPr>
        <p:txBody>
          <a:bodyPr rtlCol="0" wrap="square">
            <a:spAutoFit/>
          </a:bodyPr>
          <a:lstStyle/>
          <a:p>
            <a:r>
              <a:rPr altLang="en-US" lang="zh-CN" sz="1300">
                <a:latin charset="-122" pitchFamily="34" typeface="微软雅黑"/>
                <a:ea charset="-122" pitchFamily="34" typeface="微软雅黑"/>
              </a:rPr>
              <a:t>适用于计划 / 汇报 / 总结等相关的ppt演示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4369357" y="4395737"/>
            <a:ext cx="3404999" cy="182880"/>
          </a:xfrm>
          <a:prstGeom prst="rect">
            <a:avLst/>
          </a:prstGeom>
          <a:noFill/>
        </p:spPr>
        <p:txBody>
          <a:bodyPr rtlCol="0" wrap="square">
            <a:spAutoFit/>
          </a:bodyPr>
          <a:lstStyle/>
          <a:p>
            <a:r>
              <a:rPr altLang="zh-CN" lang="en-US" sz="600">
                <a:latin charset="0" pitchFamily="34" typeface="Arial"/>
                <a:cs charset="0" pitchFamily="34" typeface="Arial"/>
              </a:rPr>
              <a:t>FOR  PLANNING, REPORTING, AND OTHER  RELATED  SUMMARY  PPT PRESENTATION</a:t>
            </a:r>
          </a:p>
        </p:txBody>
      </p:sp>
      <p:sp>
        <p:nvSpPr>
          <p:cNvPr id="24" name="圆角矩形 23"/>
          <p:cNvSpPr/>
          <p:nvPr/>
        </p:nvSpPr>
        <p:spPr>
          <a:xfrm>
            <a:off x="2982220" y="2210268"/>
            <a:ext cx="1271020" cy="61975"/>
          </a:xfrm>
          <a:prstGeom prst="roundRect">
            <a:avLst>
              <a:gd fmla="val 50000" name="adj"/>
            </a:avLst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26" name="圆角矩形 25"/>
          <p:cNvSpPr/>
          <p:nvPr/>
        </p:nvSpPr>
        <p:spPr>
          <a:xfrm>
            <a:off x="8045287" y="2210268"/>
            <a:ext cx="1271020" cy="61975"/>
          </a:xfrm>
          <a:prstGeom prst="roundRect">
            <a:avLst>
              <a:gd fmla="val 50000" name="adj"/>
            </a:avLst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grpSp>
        <p:nvGrpSpPr>
          <p:cNvPr id="3" name="组合 2"/>
          <p:cNvGrpSpPr/>
          <p:nvPr/>
        </p:nvGrpSpPr>
        <p:grpSpPr>
          <a:xfrm>
            <a:off x="2103476" y="4966651"/>
            <a:ext cx="8064896" cy="1210587"/>
            <a:chOff x="579476" y="4966650"/>
            <a:chExt cx="8064896" cy="1210587"/>
          </a:xfrm>
        </p:grpSpPr>
        <p:sp>
          <p:nvSpPr>
            <p:cNvPr id="16" name="矩形 15"/>
            <p:cNvSpPr/>
            <p:nvPr/>
          </p:nvSpPr>
          <p:spPr>
            <a:xfrm>
              <a:off x="579476" y="4966650"/>
              <a:ext cx="8064896" cy="1210587"/>
            </a:xfrm>
            <a:custGeom>
              <a:rect b="b" l="l" r="r" t="t"/>
              <a:pathLst>
                <a:path h="1512168" w="8064896">
                  <a:moveTo>
                    <a:pt x="0" y="0"/>
                  </a:moveTo>
                  <a:lnTo>
                    <a:pt x="8064896" y="0"/>
                  </a:lnTo>
                  <a:lnTo>
                    <a:pt x="8064896" y="1203076"/>
                  </a:lnTo>
                  <a:cubicBezTo>
                    <a:pt x="8064896" y="1373783"/>
                    <a:pt x="7926511" y="1512168"/>
                    <a:pt x="7755804" y="1512168"/>
                  </a:cubicBezTo>
                  <a:lnTo>
                    <a:pt x="309092" y="1512168"/>
                  </a:lnTo>
                  <a:cubicBezTo>
                    <a:pt x="138385" y="1512168"/>
                    <a:pt x="0" y="1373783"/>
                    <a:pt x="0" y="1203076"/>
                  </a:cubicBezTo>
                  <a:close/>
                </a:path>
              </a:pathLst>
            </a:cu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3825619" y="5298259"/>
              <a:ext cx="1538468" cy="259080"/>
            </a:xfrm>
            <a:prstGeom prst="rect">
              <a:avLst/>
            </a:prstGeom>
            <a:noFill/>
          </p:spPr>
          <p:txBody>
            <a:bodyPr rtlCol="0" wrap="square">
              <a:spAutoFit/>
            </a:bodyPr>
            <a:lstStyle>
              <a:defPPr>
                <a:defRPr lang="zh-CN"/>
              </a:defPPr>
              <a:lvl1pPr>
                <a:defRPr sz="1300">
                  <a:latin charset="-122" pitchFamily="34" typeface="微软雅黑"/>
                  <a:ea charset="-122" pitchFamily="34" typeface="微软雅黑"/>
                </a:defRPr>
              </a:lvl1pPr>
            </a:lstStyle>
            <a:p>
              <a:r>
                <a:rPr altLang="zh-CN" lang="en-US" sz="1100"/>
                <a:t>Tell:127-8744-5959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612314" y="5543593"/>
              <a:ext cx="1967798" cy="259080"/>
            </a:xfrm>
            <a:prstGeom prst="rect">
              <a:avLst/>
            </a:prstGeom>
            <a:noFill/>
          </p:spPr>
          <p:txBody>
            <a:bodyPr rtlCol="0" wrap="square">
              <a:spAutoFit/>
            </a:bodyPr>
            <a:lstStyle>
              <a:defPPr>
                <a:defRPr lang="zh-CN"/>
              </a:defPPr>
              <a:lvl1pPr>
                <a:defRPr sz="1300">
                  <a:latin charset="-122" pitchFamily="34" typeface="微软雅黑"/>
                  <a:ea charset="-122" pitchFamily="34" typeface="微软雅黑"/>
                </a:defRPr>
              </a:lvl1pPr>
            </a:lstStyle>
            <a:p>
              <a:r>
                <a:rPr altLang="zh-CN" lang="en-US" sz="1100"/>
                <a:t>Emaill:mdahgf@163.com</a:t>
              </a:r>
            </a:p>
          </p:txBody>
        </p:sp>
        <p:cxnSp>
          <p:nvCxnSpPr>
            <p:cNvPr id="33" name="直接连接符 32"/>
            <p:cNvCxnSpPr/>
            <p:nvPr/>
          </p:nvCxnSpPr>
          <p:spPr>
            <a:xfrm flipH="1">
              <a:off x="4560554" y="5336381"/>
              <a:ext cx="0" cy="448469"/>
            </a:xfrm>
            <a:prstGeom prst="line">
              <a:avLst/>
            </a:prstGeom>
            <a:solidFill>
              <a:schemeClr val="accent5">
                <a:lumMod val="60000"/>
                <a:lumOff val="40000"/>
              </a:schemeClr>
            </a:solidFill>
            <a:ln w="19050">
              <a:solidFill>
                <a:srgbClr val="63ADB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sp>
        <p:nvSpPr>
          <p:cNvPr id="2" name="矩形 1"/>
          <p:cNvSpPr/>
          <p:nvPr/>
        </p:nvSpPr>
        <p:spPr>
          <a:xfrm>
            <a:off x="3143672" y="0"/>
            <a:ext cx="936104" cy="220400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20" name="矩形 19"/>
          <p:cNvSpPr/>
          <p:nvPr/>
        </p:nvSpPr>
        <p:spPr>
          <a:xfrm>
            <a:off x="8212978" y="0"/>
            <a:ext cx="936104" cy="220400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</p:spTree>
    <p:extLst>
      <p:ext uri="{BB962C8B-B14F-4D97-AF65-F5344CB8AC3E}">
        <p14:creationId val="844666914"/>
      </p:ext>
    </p:extLst>
  </p:cSld>
  <p:clrMapOvr>
    <a:masterClrMapping/>
  </p:clrMapOvr>
  <p:transition/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accel="50000" fill="hold" grpId="0" id="5" nodeType="withEffect" presetClass="entr" presetID="38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dur="455" fill="hold" id="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dur="455" fill="hold" id="8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455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autoRev="1" decel="50000" dur="156" fill="hold" id="10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36" fill="hold" id="11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12" nodeType="withEffect" presetClass="entr" presetID="12" presetSubtype="2">
                                  <p:stCondLst>
                                    <p:cond delay="1050"/>
                                  </p:stCondLst>
                                  <p:childTnLst>
                                    <p:set>
                                      <p:cBhvr>
                                        <p:cTn dur="1" fill="hold" id="1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14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filter="wipe(left)" transition="in">
                                      <p:cBhvr>
                                        <p:cTn dur="500" id="15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16" nodeType="withEffect" presetClass="entr" presetID="12" presetSubtype="8">
                                  <p:stCondLst>
                                    <p:cond delay="1050"/>
                                  </p:stCondLst>
                                  <p:childTnLst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18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filter="wipe(right)" transition="in">
                                      <p:cBhvr>
                                        <p:cTn dur="500" id="19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20" nodeType="withEffect" presetClass="entr" presetID="52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2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decel="50000" dur="1000" fill="hold" id="2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C -0.37517 0.88508 -0.02552 0.75279 0.0908 0.66613 C 0.20747 0.57948 0.21649 0.50394 0.23177 0.40825 C 0.24705 0.31256 0.22118 0.15964 0.18264 0.09152 C 0.1441 0.02341 0.03802 0 0 0" pathEditMode="relative" ptsTypes="">
                                      <p:cBhvr>
                                        <p:cTn decel="50000" dur="1000" fill="hold" id="2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filter="fade" transition="in">
                                      <p:cBhvr>
                                        <p:cTn dur="1000" id="24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25" nodeType="withEffect" presetClass="entr" presetID="23" presetSubtype="16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dur="1" fill="hold" id="2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27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8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9" nodeType="withEffect" presetClass="emph" presetID="8" presetSubtype="0">
                                  <p:stCondLst>
                                    <p:cond delay="900"/>
                                  </p:stCondLst>
                                  <p:childTnLst>
                                    <p:animRot by="21600000">
                                      <p:cBhvr>
                                        <p:cTn dur="500" fill="hold" id="30"/>
                                        <p:tgtEl>
                                          <p:spTgt spid="3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fill="hold" id="31" nodeType="withEffect" presetClass="entr" presetID="12" presetSubtype="1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dur="1" fill="hold" id="3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33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filter="wipe(down)" transition="in">
                                      <p:cBhvr>
                                        <p:cTn dur="500" id="34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35" nodeType="withEffect" presetClass="entr" presetID="16" presetSubtype="21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dur="1" fill="hold" id="3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barn(inVertical)" transition="in">
                                      <p:cBhvr>
                                        <p:cTn dur="500" id="37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38" nodeType="withEffect" presetClass="entr" presetID="16" presetSubtype="21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dur="1" fill="hold" id="3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barn(inVertical)" transition="in">
                                      <p:cBhvr>
                                        <p:cTn dur="500" id="4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41" nodeType="withEffect" presetClass="entr" presetID="22" presetSubtype="4">
                                  <p:stCondLst>
                                    <p:cond delay="2250"/>
                                  </p:stCondLst>
                                  <p:childTnLst>
                                    <p:set>
                                      <p:cBhvr>
                                        <p:cTn dur="1" fill="hold" id="4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43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44" nodeType="withEffect" presetClass="entr" presetID="22" presetSubtype="4">
                                  <p:stCondLst>
                                    <p:cond delay="2250"/>
                                  </p:stCondLst>
                                  <p:childTnLst>
                                    <p:set>
                                      <p:cBhvr>
                                        <p:cTn dur="1" fill="hold" id="4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46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9"/>
      <p:bldP grpId="0" spid="4"/>
      <p:bldP grpId="0" spid="5"/>
      <p:bldP grpId="0" spid="6"/>
      <p:bldP grpId="0" spid="24"/>
      <p:bldP grpId="0" spid="26"/>
      <p:bldP grpId="0" spid="2"/>
      <p:bldP grpId="0" spid="20"/>
    </p:bldLst>
  </p:timing>
</p:sld>
</file>

<file path=ppt/slides/slide10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745932" y="2219478"/>
            <a:ext cx="5646725" cy="2318309"/>
            <a:chOff x="1553227" y="1803748"/>
            <a:chExt cx="4698501" cy="1929008"/>
          </a:xfrm>
        </p:grpSpPr>
        <p:sp>
          <p:nvSpPr>
            <p:cNvPr id="3" name="任意多边形 2"/>
            <p:cNvSpPr/>
            <p:nvPr/>
          </p:nvSpPr>
          <p:spPr>
            <a:xfrm>
              <a:off x="1703540" y="2133601"/>
              <a:ext cx="4546948" cy="1436318"/>
            </a:xfrm>
            <a:custGeom>
              <a:gdLst>
                <a:gd fmla="*/ 0 w 4546948" name="connsiteX0"/>
                <a:gd fmla="*/ 1365337 h 1390389" name="connsiteY0"/>
                <a:gd fmla="*/ 388307 w 4546948" name="connsiteX1"/>
                <a:gd fmla="*/ 826718 h 1390389" name="connsiteY1"/>
                <a:gd fmla="*/ 801665 w 4546948" name="connsiteX2"/>
                <a:gd fmla="*/ 663879 h 1390389" name="connsiteY2"/>
                <a:gd fmla="*/ 1202498 w 4546948" name="connsiteX3"/>
                <a:gd fmla="*/ 225468 h 1390389" name="connsiteY3"/>
                <a:gd fmla="*/ 1640909 w 4546948" name="connsiteX4"/>
                <a:gd fmla="*/ 212942 h 1390389" name="connsiteY4"/>
                <a:gd fmla="*/ 2041742 w 4546948" name="connsiteX5"/>
                <a:gd fmla="*/ 0 h 1390389" name="connsiteY5"/>
                <a:gd fmla="*/ 2455101 w 4546948" name="connsiteX6"/>
                <a:gd fmla="*/ 137786 h 1390389" name="connsiteY6"/>
                <a:gd fmla="*/ 2880986 w 4546948" name="connsiteX7"/>
                <a:gd fmla="*/ 62630 h 1390389" name="connsiteY7"/>
                <a:gd fmla="*/ 3294345 w 4546948" name="connsiteX8"/>
                <a:gd fmla="*/ 250520 h 1390389" name="connsiteY8"/>
                <a:gd fmla="*/ 3707704 w 4546948" name="connsiteX9"/>
                <a:gd fmla="*/ 237994 h 1390389" name="connsiteY9"/>
                <a:gd fmla="*/ 4146115 w 4546948" name="connsiteX10"/>
                <a:gd fmla="*/ 713983 h 1390389" name="connsiteY10"/>
                <a:gd fmla="*/ 4546948 w 4546948" name="connsiteX11"/>
                <a:gd fmla="*/ 538619 h 1390389" name="connsiteY11"/>
                <a:gd fmla="*/ 4546948 w 4546948" name="connsiteX12"/>
                <a:gd fmla="*/ 1390389 h 1390389" name="connsiteY12"/>
                <a:gd fmla="*/ 0 w 4546948" name="connsiteX13"/>
                <a:gd fmla="*/ 1365337 h 1390389" name="connsiteY13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</a:cxnLst>
              <a:rect b="b" l="l" r="r" t="t"/>
              <a:pathLst>
                <a:path h="1390389" w="4546948">
                  <a:moveTo>
                    <a:pt x="0" y="1365337"/>
                  </a:moveTo>
                  <a:lnTo>
                    <a:pt x="388307" y="826718"/>
                  </a:lnTo>
                  <a:lnTo>
                    <a:pt x="801665" y="663879"/>
                  </a:lnTo>
                  <a:lnTo>
                    <a:pt x="1202498" y="225468"/>
                  </a:lnTo>
                  <a:lnTo>
                    <a:pt x="1640909" y="212942"/>
                  </a:lnTo>
                  <a:lnTo>
                    <a:pt x="2041742" y="0"/>
                  </a:lnTo>
                  <a:lnTo>
                    <a:pt x="2455101" y="137786"/>
                  </a:lnTo>
                  <a:lnTo>
                    <a:pt x="2880986" y="62630"/>
                  </a:lnTo>
                  <a:lnTo>
                    <a:pt x="3294345" y="250520"/>
                  </a:lnTo>
                  <a:lnTo>
                    <a:pt x="3707704" y="237994"/>
                  </a:lnTo>
                  <a:lnTo>
                    <a:pt x="4146115" y="713983"/>
                  </a:lnTo>
                  <a:lnTo>
                    <a:pt x="4546948" y="538619"/>
                  </a:lnTo>
                  <a:lnTo>
                    <a:pt x="4546948" y="1390389"/>
                  </a:lnTo>
                  <a:lnTo>
                    <a:pt x="0" y="1365337"/>
                  </a:lnTo>
                  <a:close/>
                </a:path>
              </a:pathLst>
            </a:custGeom>
            <a:solidFill>
              <a:srgbClr val="55777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4" name="任意多边形 3"/>
            <p:cNvSpPr/>
            <p:nvPr/>
          </p:nvSpPr>
          <p:spPr>
            <a:xfrm>
              <a:off x="1691014" y="2392471"/>
              <a:ext cx="4559474" cy="1177447"/>
            </a:xfrm>
            <a:custGeom>
              <a:gdLst>
                <a:gd fmla="*/ 0 w 4584526" name="connsiteX0"/>
                <a:gd fmla="*/ 1164921 h 1177447" name="connsiteY0"/>
                <a:gd fmla="*/ 814191 w 4584526" name="connsiteX1"/>
                <a:gd fmla="*/ 463463 h 1177447" name="connsiteY1"/>
                <a:gd fmla="*/ 1227550 w 4584526" name="connsiteX2"/>
                <a:gd fmla="*/ 363255 h 1177447" name="connsiteY2"/>
                <a:gd fmla="*/ 1628383 w 4584526" name="connsiteX3"/>
                <a:gd fmla="*/ 438411 h 1177447" name="connsiteY3"/>
                <a:gd fmla="*/ 2041742 w 4584526" name="connsiteX4"/>
                <a:gd fmla="*/ 0 h 1177447" name="connsiteY4"/>
                <a:gd fmla="*/ 2442575 w 4584526" name="connsiteX5"/>
                <a:gd fmla="*/ 0 h 1177447" name="connsiteY5"/>
                <a:gd fmla="*/ 2868460 w 4584526" name="connsiteX6"/>
                <a:gd fmla="*/ 338203 h 1177447" name="connsiteY6"/>
                <a:gd fmla="*/ 3269293 w 4584526" name="connsiteX7"/>
                <a:gd fmla="*/ 187891 h 1177447" name="connsiteY7"/>
                <a:gd fmla="*/ 3757808 w 4584526" name="connsiteX8"/>
                <a:gd fmla="*/ 713984 h 1177447" name="connsiteY8"/>
                <a:gd fmla="*/ 4146115 w 4584526" name="connsiteX9"/>
                <a:gd fmla="*/ 601250 h 1177447" name="connsiteY9"/>
                <a:gd fmla="*/ 4584526 w 4584526" name="connsiteX10"/>
                <a:gd fmla="*/ 801666 h 1177447" name="connsiteY10"/>
                <a:gd fmla="*/ 4584526 w 4584526" name="connsiteX11"/>
                <a:gd fmla="*/ 1177447 h 1177447" name="connsiteY11"/>
                <a:gd fmla="*/ 0 w 4584526" name="connsiteX12"/>
                <a:gd fmla="*/ 1164921 h 1177447" name="connsiteY12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b="b" l="l" r="r" t="t"/>
              <a:pathLst>
                <a:path h="1177447" w="4584526">
                  <a:moveTo>
                    <a:pt x="0" y="1164921"/>
                  </a:moveTo>
                  <a:lnTo>
                    <a:pt x="814191" y="463463"/>
                  </a:lnTo>
                  <a:lnTo>
                    <a:pt x="1227550" y="363255"/>
                  </a:lnTo>
                  <a:lnTo>
                    <a:pt x="1628383" y="438411"/>
                  </a:lnTo>
                  <a:lnTo>
                    <a:pt x="2041742" y="0"/>
                  </a:lnTo>
                  <a:lnTo>
                    <a:pt x="2442575" y="0"/>
                  </a:lnTo>
                  <a:lnTo>
                    <a:pt x="2868460" y="338203"/>
                  </a:lnTo>
                  <a:lnTo>
                    <a:pt x="3269293" y="187891"/>
                  </a:lnTo>
                  <a:lnTo>
                    <a:pt x="3757808" y="713984"/>
                  </a:lnTo>
                  <a:lnTo>
                    <a:pt x="4146115" y="601250"/>
                  </a:lnTo>
                  <a:lnTo>
                    <a:pt x="4584526" y="801666"/>
                  </a:lnTo>
                  <a:lnTo>
                    <a:pt x="4584526" y="1177447"/>
                  </a:lnTo>
                  <a:lnTo>
                    <a:pt x="0" y="1164921"/>
                  </a:lnTo>
                  <a:close/>
                </a:path>
              </a:pathLst>
            </a:custGeom>
            <a:solidFill>
              <a:srgbClr val="B3C9C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5" name="任意多边形 4"/>
            <p:cNvSpPr/>
            <p:nvPr/>
          </p:nvSpPr>
          <p:spPr>
            <a:xfrm>
              <a:off x="1678488" y="2668044"/>
              <a:ext cx="4573240" cy="906075"/>
            </a:xfrm>
            <a:custGeom>
              <a:gdLst>
                <a:gd fmla="*/ 0 w 4573240" name="connsiteX0"/>
                <a:gd fmla="*/ 926926 h 931244" name="connsiteY0"/>
                <a:gd fmla="*/ 789139 w 4573240" name="connsiteX1"/>
                <a:gd fmla="*/ 388307 h 931244" name="connsiteY1"/>
                <a:gd fmla="*/ 1716065 w 4573240" name="connsiteX2"/>
                <a:gd fmla="*/ 187890 h 931244" name="connsiteY2"/>
                <a:gd fmla="*/ 2066794 w 4573240" name="connsiteX3"/>
                <a:gd fmla="*/ 250520 h 931244" name="connsiteY3"/>
                <a:gd fmla="*/ 2480153 w 4573240" name="connsiteX4"/>
                <a:gd fmla="*/ 0 h 931244" name="connsiteY4"/>
                <a:gd fmla="*/ 3026688 w 4573240" name="connsiteX5"/>
                <a:gd fmla="*/ 107080 h 931244" name="connsiteY5"/>
                <a:gd fmla="*/ 3294345 w 4573240" name="connsiteX6"/>
                <a:gd fmla="*/ 463463 h 931244" name="connsiteY6"/>
                <a:gd fmla="*/ 4233797 w 4573240" name="connsiteX7"/>
                <a:gd fmla="*/ 676405 h 931244" name="connsiteY7"/>
                <a:gd fmla="*/ 4573240 w 4573240" name="connsiteX8"/>
                <a:gd fmla="*/ 931244 h 931244" name="connsiteY8"/>
                <a:gd fmla="*/ 0 w 4573240" name="connsiteX9"/>
                <a:gd fmla="*/ 926926 h 931244" name="connsiteY9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b="b" l="l" r="r" t="t"/>
              <a:pathLst>
                <a:path h="931244" w="4573240">
                  <a:moveTo>
                    <a:pt x="0" y="926926"/>
                  </a:moveTo>
                  <a:lnTo>
                    <a:pt x="789139" y="388307"/>
                  </a:lnTo>
                  <a:lnTo>
                    <a:pt x="1716065" y="187890"/>
                  </a:lnTo>
                  <a:lnTo>
                    <a:pt x="2066794" y="250520"/>
                  </a:lnTo>
                  <a:lnTo>
                    <a:pt x="2480153" y="0"/>
                  </a:lnTo>
                  <a:lnTo>
                    <a:pt x="3026688" y="107080"/>
                  </a:lnTo>
                  <a:lnTo>
                    <a:pt x="3294345" y="463463"/>
                  </a:lnTo>
                  <a:lnTo>
                    <a:pt x="4233797" y="676405"/>
                  </a:lnTo>
                  <a:lnTo>
                    <a:pt x="4573240" y="931244"/>
                  </a:lnTo>
                  <a:lnTo>
                    <a:pt x="0" y="926926"/>
                  </a:lnTo>
                  <a:close/>
                </a:path>
              </a:pathLst>
            </a:custGeom>
            <a:solidFill>
              <a:schemeClr val="accent5">
                <a:lumMod val="20000"/>
                <a:lumOff val="8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6" name="任意多边形 5"/>
            <p:cNvSpPr/>
            <p:nvPr/>
          </p:nvSpPr>
          <p:spPr>
            <a:xfrm flipH="1">
              <a:off x="1691014" y="1803748"/>
              <a:ext cx="0" cy="1929008"/>
            </a:xfrm>
            <a:custGeom>
              <a:gdLst>
                <a:gd fmla="*/ 0 w 0" name="connsiteX0"/>
                <a:gd fmla="*/ 0 h 1929008" name="connsiteY0"/>
                <a:gd fmla="*/ 0 w 0" name="connsiteX1"/>
                <a:gd fmla="*/ 1929008 h 1929008" name="connsiteY1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b="b" l="l" r="r" t="t"/>
              <a:pathLst>
                <a:path h="1929008">
                  <a:moveTo>
                    <a:pt x="0" y="0"/>
                  </a:moveTo>
                  <a:lnTo>
                    <a:pt x="0" y="1929008"/>
                  </a:lnTo>
                </a:path>
              </a:pathLst>
            </a:custGeom>
            <a:noFill/>
            <a:ln w="12700">
              <a:solidFill>
                <a:schemeClr val="tx1">
                  <a:lumMod val="50000"/>
                  <a:lumOff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7" name="任意多边形 6"/>
            <p:cNvSpPr/>
            <p:nvPr/>
          </p:nvSpPr>
          <p:spPr>
            <a:xfrm>
              <a:off x="1553227" y="3569918"/>
              <a:ext cx="4697261" cy="0"/>
            </a:xfrm>
            <a:custGeom>
              <a:gdLst>
                <a:gd fmla="*/ 0 w 4697261" name="connsiteX0"/>
                <a:gd fmla="*/ 0 h 0" name="connsiteY0"/>
                <a:gd fmla="*/ 4697261 w 4697261" name="connsiteX1"/>
                <a:gd fmla="*/ 0 h 0" name="connsiteY1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</a:cxnLst>
              <a:rect b="b" l="l" r="r" t="t"/>
              <a:pathLst>
                <a:path w="4697261">
                  <a:moveTo>
                    <a:pt x="0" y="0"/>
                  </a:moveTo>
                  <a:lnTo>
                    <a:pt x="4697261" y="0"/>
                  </a:lnTo>
                </a:path>
              </a:pathLst>
            </a:custGeom>
            <a:noFill/>
            <a:ln w="12700">
              <a:solidFill>
                <a:schemeClr val="tx1">
                  <a:lumMod val="50000"/>
                  <a:lumOff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</p:grpSp>
      <p:grpSp>
        <p:nvGrpSpPr>
          <p:cNvPr id="8" name="组合 7"/>
          <p:cNvGrpSpPr/>
          <p:nvPr/>
        </p:nvGrpSpPr>
        <p:grpSpPr>
          <a:xfrm>
            <a:off x="2422299" y="2390928"/>
            <a:ext cx="489227" cy="1869877"/>
            <a:chOff x="1161827" y="1888770"/>
            <a:chExt cx="489227" cy="1869877"/>
          </a:xfrm>
        </p:grpSpPr>
        <p:grpSp>
          <p:nvGrpSpPr>
            <p:cNvPr id="9" name="组合 8"/>
            <p:cNvGrpSpPr/>
            <p:nvPr/>
          </p:nvGrpSpPr>
          <p:grpSpPr>
            <a:xfrm>
              <a:off x="1485460" y="2059290"/>
              <a:ext cx="165594" cy="1550164"/>
              <a:chOff x="1485460" y="2059290"/>
              <a:chExt cx="165594" cy="1550164"/>
            </a:xfrm>
          </p:grpSpPr>
          <p:cxnSp>
            <p:nvCxnSpPr>
              <p:cNvPr id="17" name="直接连接符 16"/>
              <p:cNvCxnSpPr/>
              <p:nvPr/>
            </p:nvCxnSpPr>
            <p:spPr>
              <a:xfrm flipH="1">
                <a:off x="1485460" y="3609454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18" name="直接连接符 17"/>
              <p:cNvCxnSpPr/>
              <p:nvPr/>
            </p:nvCxnSpPr>
            <p:spPr>
              <a:xfrm flipH="1">
                <a:off x="1485460" y="3351095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19" name="直接连接符 18"/>
              <p:cNvCxnSpPr/>
              <p:nvPr/>
            </p:nvCxnSpPr>
            <p:spPr>
              <a:xfrm flipH="1">
                <a:off x="1485460" y="3092734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20" name="直接连接符 19"/>
              <p:cNvCxnSpPr/>
              <p:nvPr/>
            </p:nvCxnSpPr>
            <p:spPr>
              <a:xfrm flipH="1">
                <a:off x="1485460" y="2834373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21" name="直接连接符 20"/>
              <p:cNvCxnSpPr/>
              <p:nvPr/>
            </p:nvCxnSpPr>
            <p:spPr>
              <a:xfrm flipH="1">
                <a:off x="1485460" y="2576012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22" name="直接连接符 21"/>
              <p:cNvCxnSpPr/>
              <p:nvPr/>
            </p:nvCxnSpPr>
            <p:spPr>
              <a:xfrm flipH="1">
                <a:off x="1485460" y="2317651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23" name="直接连接符 22"/>
              <p:cNvCxnSpPr/>
              <p:nvPr/>
            </p:nvCxnSpPr>
            <p:spPr>
              <a:xfrm flipH="1">
                <a:off x="1485460" y="2059290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</p:grpSp>
        <p:sp>
          <p:nvSpPr>
            <p:cNvPr id="10" name="TextBox 9"/>
            <p:cNvSpPr txBox="1"/>
            <p:nvPr/>
          </p:nvSpPr>
          <p:spPr>
            <a:xfrm>
              <a:off x="1214726" y="3450870"/>
              <a:ext cx="287655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0</a:t>
              </a:r>
            </a:p>
          </p:txBody>
        </p:sp>
        <p:sp>
          <p:nvSpPr>
            <p:cNvPr id="11" name="TextBox 10"/>
            <p:cNvSpPr txBox="1"/>
            <p:nvPr/>
          </p:nvSpPr>
          <p:spPr>
            <a:xfrm>
              <a:off x="1161827" y="3209570"/>
              <a:ext cx="39243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10</a:t>
              </a:r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1161827" y="2942869"/>
              <a:ext cx="39243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15</a:t>
              </a:r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1161827" y="2676170"/>
              <a:ext cx="39243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20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1161827" y="2409470"/>
              <a:ext cx="39243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25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161827" y="2193570"/>
              <a:ext cx="39243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30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1161827" y="1888770"/>
              <a:ext cx="39243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35</a:t>
              </a: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3285792" y="4341842"/>
            <a:ext cx="5395759" cy="534763"/>
            <a:chOff x="1924628" y="3957613"/>
            <a:chExt cx="5395759" cy="534763"/>
          </a:xfrm>
        </p:grpSpPr>
        <p:grpSp>
          <p:nvGrpSpPr>
            <p:cNvPr id="25" name="组合 24"/>
            <p:cNvGrpSpPr/>
            <p:nvPr/>
          </p:nvGrpSpPr>
          <p:grpSpPr>
            <a:xfrm rot="16200000">
              <a:off x="4560125" y="1660472"/>
              <a:ext cx="165594" cy="4759876"/>
              <a:chOff x="1485460" y="2059290"/>
              <a:chExt cx="165594" cy="1550164"/>
            </a:xfrm>
          </p:grpSpPr>
          <p:cxnSp>
            <p:nvCxnSpPr>
              <p:cNvPr id="33" name="直接连接符 32"/>
              <p:cNvCxnSpPr/>
              <p:nvPr/>
            </p:nvCxnSpPr>
            <p:spPr>
              <a:xfrm flipH="1">
                <a:off x="1485460" y="3609454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4" name="直接连接符 33"/>
              <p:cNvCxnSpPr/>
              <p:nvPr/>
            </p:nvCxnSpPr>
            <p:spPr>
              <a:xfrm flipH="1">
                <a:off x="1485460" y="3351095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5" name="直接连接符 34"/>
              <p:cNvCxnSpPr/>
              <p:nvPr/>
            </p:nvCxnSpPr>
            <p:spPr>
              <a:xfrm flipH="1">
                <a:off x="1485460" y="3092734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6" name="直接连接符 35"/>
              <p:cNvCxnSpPr/>
              <p:nvPr/>
            </p:nvCxnSpPr>
            <p:spPr>
              <a:xfrm flipH="1">
                <a:off x="1485460" y="2834373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7" name="直接连接符 36"/>
              <p:cNvCxnSpPr/>
              <p:nvPr/>
            </p:nvCxnSpPr>
            <p:spPr>
              <a:xfrm flipH="1">
                <a:off x="1485460" y="2576012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8" name="直接连接符 37"/>
              <p:cNvCxnSpPr/>
              <p:nvPr/>
            </p:nvCxnSpPr>
            <p:spPr>
              <a:xfrm flipH="1">
                <a:off x="1485460" y="2317651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  <p:cxnSp>
            <p:nvCxnSpPr>
              <p:cNvPr id="39" name="直接连接符 38"/>
              <p:cNvCxnSpPr/>
              <p:nvPr/>
            </p:nvCxnSpPr>
            <p:spPr>
              <a:xfrm flipH="1">
                <a:off x="1485460" y="2059290"/>
                <a:ext cx="165594" cy="0"/>
              </a:xfrm>
              <a:prstGeom prst="line">
                <a:avLst/>
              </a:prstGeom>
              <a:noFill/>
              <a:ln w="1270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</p:grpSp>
        <p:sp>
          <p:nvSpPr>
            <p:cNvPr id="26" name="TextBox 25"/>
            <p:cNvSpPr txBox="1"/>
            <p:nvPr/>
          </p:nvSpPr>
          <p:spPr>
            <a:xfrm>
              <a:off x="6712530" y="4184598"/>
              <a:ext cx="60198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2013</a:t>
              </a:r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5899727" y="4184598"/>
              <a:ext cx="60198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2012</a:t>
              </a:r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5112327" y="4184598"/>
              <a:ext cx="60198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2011</a:t>
              </a:r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4337628" y="4184598"/>
              <a:ext cx="60198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2010</a:t>
              </a: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3562928" y="4184598"/>
              <a:ext cx="60198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2009</a:t>
              </a:r>
            </a:p>
          </p:txBody>
        </p:sp>
        <p:sp>
          <p:nvSpPr>
            <p:cNvPr id="31" name="TextBox 30"/>
            <p:cNvSpPr txBox="1"/>
            <p:nvPr/>
          </p:nvSpPr>
          <p:spPr>
            <a:xfrm>
              <a:off x="2737428" y="4184598"/>
              <a:ext cx="60198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2008</a:t>
              </a:r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1924628" y="4184598"/>
              <a:ext cx="601980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>
              <a:defPPr>
                <a:defRPr lang="en-US"/>
              </a:defPPr>
              <a:lvl1pPr>
                <a:defRPr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defRPr>
              </a:lvl1pPr>
            </a:lstStyle>
            <a:p>
              <a:r>
                <a:rPr altLang="zh-CN" lang="en-US" sz="1400">
                  <a:latin charset="-122" pitchFamily="34" typeface="微软雅黑"/>
                  <a:ea charset="-122" pitchFamily="34" typeface="微软雅黑"/>
                </a:rPr>
                <a:t>2007</a:t>
              </a:r>
            </a:p>
          </p:txBody>
        </p:sp>
      </p:grpSp>
      <p:grpSp>
        <p:nvGrpSpPr>
          <p:cNvPr id="40" name="组合 39"/>
          <p:cNvGrpSpPr/>
          <p:nvPr/>
        </p:nvGrpSpPr>
        <p:grpSpPr>
          <a:xfrm>
            <a:off x="8406817" y="1932240"/>
            <a:ext cx="1662439" cy="307777"/>
            <a:chOff x="-44443" y="3154623"/>
            <a:chExt cx="1662439" cy="307777"/>
          </a:xfrm>
        </p:grpSpPr>
        <p:sp>
          <p:nvSpPr>
            <p:cNvPr id="41" name="矩形 40"/>
            <p:cNvSpPr/>
            <p:nvPr/>
          </p:nvSpPr>
          <p:spPr>
            <a:xfrm flipV="1">
              <a:off x="714874" y="3204874"/>
              <a:ext cx="903122" cy="205376"/>
            </a:xfrm>
            <a:prstGeom prst="rect">
              <a:avLst/>
            </a:prstGeom>
            <a:solidFill>
              <a:srgbClr val="55777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sp>
          <p:nvSpPr>
            <p:cNvPr id="42" name="TextBox 41"/>
            <p:cNvSpPr txBox="1"/>
            <p:nvPr/>
          </p:nvSpPr>
          <p:spPr>
            <a:xfrm>
              <a:off x="-44444" y="3154623"/>
              <a:ext cx="717867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14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text01</a:t>
              </a:r>
            </a:p>
          </p:txBody>
        </p:sp>
      </p:grpSp>
      <p:grpSp>
        <p:nvGrpSpPr>
          <p:cNvPr id="43" name="组合 42"/>
          <p:cNvGrpSpPr/>
          <p:nvPr/>
        </p:nvGrpSpPr>
        <p:grpSpPr>
          <a:xfrm>
            <a:off x="8406817" y="2309611"/>
            <a:ext cx="1662439" cy="307777"/>
            <a:chOff x="-44443" y="3154623"/>
            <a:chExt cx="1662439" cy="307777"/>
          </a:xfrm>
        </p:grpSpPr>
        <p:sp>
          <p:nvSpPr>
            <p:cNvPr id="44" name="矩形 43"/>
            <p:cNvSpPr/>
            <p:nvPr/>
          </p:nvSpPr>
          <p:spPr>
            <a:xfrm flipV="1">
              <a:off x="714874" y="3204874"/>
              <a:ext cx="903122" cy="205376"/>
            </a:xfrm>
            <a:prstGeom prst="rect">
              <a:avLst/>
            </a:prstGeom>
            <a:solidFill>
              <a:srgbClr val="B3C9C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-44444" y="3154623"/>
              <a:ext cx="717867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14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text01</a:t>
              </a:r>
            </a:p>
          </p:txBody>
        </p:sp>
      </p:grpSp>
      <p:grpSp>
        <p:nvGrpSpPr>
          <p:cNvPr id="46" name="组合 45"/>
          <p:cNvGrpSpPr/>
          <p:nvPr/>
        </p:nvGrpSpPr>
        <p:grpSpPr>
          <a:xfrm>
            <a:off x="8406817" y="2672469"/>
            <a:ext cx="1662439" cy="307777"/>
            <a:chOff x="-44443" y="3154623"/>
            <a:chExt cx="1662439" cy="307777"/>
          </a:xfrm>
        </p:grpSpPr>
        <p:sp>
          <p:nvSpPr>
            <p:cNvPr id="47" name="矩形 46"/>
            <p:cNvSpPr/>
            <p:nvPr/>
          </p:nvSpPr>
          <p:spPr>
            <a:xfrm flipV="1">
              <a:off x="714874" y="3204874"/>
              <a:ext cx="903122" cy="205376"/>
            </a:xfrm>
            <a:prstGeom prst="rect">
              <a:avLst/>
            </a:prstGeom>
            <a:solidFill>
              <a:schemeClr val="accent5">
                <a:lumMod val="20000"/>
                <a:lumOff val="8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sp>
          <p:nvSpPr>
            <p:cNvPr id="48" name="TextBox 47"/>
            <p:cNvSpPr txBox="1"/>
            <p:nvPr/>
          </p:nvSpPr>
          <p:spPr>
            <a:xfrm>
              <a:off x="-44444" y="3154623"/>
              <a:ext cx="717867" cy="3048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14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text01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10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50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8" nodeType="withEffect" presetClass="entr" presetID="22" presetSubtype="4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dur="1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1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1" nodeType="withEffect" presetClass="entr" presetID="22" presetSubtype="8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dur="1" fill="hold" id="1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13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4" nodeType="withEffect" presetClass="entr" presetID="2" presetSubtype="1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dur="1" fill="hold" id="1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6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7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8" nodeType="withEffect" presetClass="entr" presetID="2" presetSubtype="1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dur="1" fill="hold" id="1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20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21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2" nodeType="withEffect" presetClass="entr" presetID="2" presetSubtype="1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dur="1" fill="hold" id="2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24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25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Group 6"/>
          <p:cNvGrpSpPr>
            <a:grpSpLocks noChangeAspect="1"/>
          </p:cNvGrpSpPr>
          <p:nvPr/>
        </p:nvGrpSpPr>
        <p:grpSpPr>
          <a:xfrm>
            <a:off x="3167500" y="1339214"/>
            <a:ext cx="2458086" cy="2458086"/>
            <a:chOff x="1610" y="849"/>
            <a:chExt cx="1736" cy="1736"/>
          </a:xfrm>
        </p:grpSpPr>
        <p:sp>
          <p:nvSpPr>
            <p:cNvPr id="3" name="AutoShape 5"/>
            <p:cNvSpPr>
              <a:spLocks noChangeArrowheads="1" noChangeAspect="1" noTextEdit="1"/>
            </p:cNvSpPr>
            <p:nvPr/>
          </p:nvSpPr>
          <p:spPr bwMode="auto">
            <a:xfrm>
              <a:off x="1610" y="849"/>
              <a:ext cx="1736" cy="173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" name="Freeform 7"/>
            <p:cNvSpPr/>
            <p:nvPr/>
          </p:nvSpPr>
          <p:spPr bwMode="auto">
            <a:xfrm>
              <a:off x="1553" y="873"/>
              <a:ext cx="918" cy="1229"/>
            </a:xfrm>
            <a:custGeom>
              <a:gdLst>
                <a:gd fmla="*/ 47 w 192" name="T0"/>
                <a:gd fmla="*/ 71 h 257" name="T1"/>
                <a:gd fmla="*/ 28 w 192" name="T2"/>
                <a:gd fmla="*/ 257 h 257" name="T3"/>
                <a:gd fmla="*/ 81 w 192" name="T4"/>
                <a:gd fmla="*/ 231 h 257" name="T5"/>
                <a:gd fmla="*/ 94 w 192" name="T6"/>
                <a:gd fmla="*/ 107 h 257" name="T7"/>
                <a:gd fmla="*/ 191 w 192" name="T8"/>
                <a:gd fmla="*/ 60 h 257" name="T9"/>
                <a:gd fmla="*/ 192 w 192" name="T10"/>
                <a:gd fmla="*/ 1 h 257" name="T11"/>
                <a:gd fmla="*/ 47 w 192" name="T12"/>
                <a:gd fmla="*/ 71 h 257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257" w="192">
                  <a:moveTo>
                    <a:pt x="47" y="71"/>
                  </a:moveTo>
                  <a:cubicBezTo>
                    <a:pt x="5" y="126"/>
                    <a:pt x="0" y="198"/>
                    <a:pt x="28" y="257"/>
                  </a:cubicBezTo>
                  <a:cubicBezTo>
                    <a:pt x="81" y="231"/>
                    <a:pt x="81" y="231"/>
                    <a:pt x="81" y="231"/>
                  </a:cubicBezTo>
                  <a:cubicBezTo>
                    <a:pt x="63" y="192"/>
                    <a:pt x="66" y="144"/>
                    <a:pt x="94" y="107"/>
                  </a:cubicBezTo>
                  <a:cubicBezTo>
                    <a:pt x="118" y="76"/>
                    <a:pt x="154" y="60"/>
                    <a:pt x="191" y="60"/>
                  </a:cubicBezTo>
                  <a:cubicBezTo>
                    <a:pt x="192" y="1"/>
                    <a:pt x="192" y="1"/>
                    <a:pt x="192" y="1"/>
                  </a:cubicBezTo>
                  <a:cubicBezTo>
                    <a:pt x="137" y="0"/>
                    <a:pt x="83" y="24"/>
                    <a:pt x="47" y="71"/>
                  </a:cubicBezTo>
                </a:path>
              </a:pathLst>
            </a:custGeom>
            <a:solidFill>
              <a:srgbClr val="585A5B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" name="Freeform 8"/>
            <p:cNvSpPr/>
            <p:nvPr/>
          </p:nvSpPr>
          <p:spPr bwMode="auto">
            <a:xfrm>
              <a:off x="1691" y="1987"/>
              <a:ext cx="694" cy="593"/>
            </a:xfrm>
            <a:custGeom>
              <a:gdLst>
                <a:gd fmla="*/ 88 w 145" name="T0"/>
                <a:gd fmla="*/ 42 h 124" name="T1"/>
                <a:gd fmla="*/ 54 w 145" name="T2"/>
                <a:gd fmla="*/ 0 h 124" name="T3"/>
                <a:gd fmla="*/ 0 w 145" name="T4"/>
                <a:gd fmla="*/ 26 h 124" name="T5"/>
                <a:gd fmla="*/ 52 w 145" name="T6"/>
                <a:gd fmla="*/ 89 h 124" name="T7"/>
                <a:gd fmla="*/ 137 w 145" name="T8"/>
                <a:gd fmla="*/ 124 h 124" name="T9"/>
                <a:gd fmla="*/ 145 w 145" name="T10"/>
                <a:gd fmla="*/ 66 h 124" name="T11"/>
                <a:gd fmla="*/ 88 w 145" name="T12"/>
                <a:gd fmla="*/ 42 h 124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124" w="145">
                  <a:moveTo>
                    <a:pt x="88" y="42"/>
                  </a:moveTo>
                  <a:cubicBezTo>
                    <a:pt x="73" y="31"/>
                    <a:pt x="61" y="16"/>
                    <a:pt x="54" y="0"/>
                  </a:cubicBezTo>
                  <a:cubicBezTo>
                    <a:pt x="0" y="26"/>
                    <a:pt x="0" y="26"/>
                    <a:pt x="0" y="26"/>
                  </a:cubicBezTo>
                  <a:cubicBezTo>
                    <a:pt x="12" y="50"/>
                    <a:pt x="30" y="72"/>
                    <a:pt x="52" y="89"/>
                  </a:cubicBezTo>
                  <a:cubicBezTo>
                    <a:pt x="78" y="109"/>
                    <a:pt x="107" y="120"/>
                    <a:pt x="137" y="124"/>
                  </a:cubicBezTo>
                  <a:cubicBezTo>
                    <a:pt x="145" y="66"/>
                    <a:pt x="145" y="66"/>
                    <a:pt x="145" y="66"/>
                  </a:cubicBezTo>
                  <a:cubicBezTo>
                    <a:pt x="125" y="63"/>
                    <a:pt x="105" y="55"/>
                    <a:pt x="88" y="42"/>
                  </a:cubicBezTo>
                </a:path>
              </a:pathLst>
            </a:custGeom>
            <a:solidFill>
              <a:srgbClr val="B8B8B8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" name="Freeform 9"/>
            <p:cNvSpPr/>
            <p:nvPr/>
          </p:nvSpPr>
          <p:spPr bwMode="auto">
            <a:xfrm>
              <a:off x="2356" y="2188"/>
              <a:ext cx="626" cy="421"/>
            </a:xfrm>
            <a:custGeom>
              <a:gdLst>
                <a:gd fmla="*/ 8 w 131" name="T0"/>
                <a:gd fmla="*/ 24 h 88" name="T1"/>
                <a:gd fmla="*/ 0 w 131" name="T2"/>
                <a:gd fmla="*/ 83 h 88" name="T3"/>
                <a:gd fmla="*/ 131 w 131" name="T4"/>
                <a:gd fmla="*/ 47 h 88" name="T5"/>
                <a:gd fmla="*/ 95 w 131" name="T6"/>
                <a:gd fmla="*/ 0 h 88" name="T7"/>
                <a:gd fmla="*/ 8 w 131" name="T8"/>
                <a:gd fmla="*/ 24 h 88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88" w="131">
                  <a:moveTo>
                    <a:pt x="8" y="24"/>
                  </a:moveTo>
                  <a:cubicBezTo>
                    <a:pt x="0" y="83"/>
                    <a:pt x="0" y="83"/>
                    <a:pt x="0" y="83"/>
                  </a:cubicBezTo>
                  <a:cubicBezTo>
                    <a:pt x="46" y="88"/>
                    <a:pt x="93" y="76"/>
                    <a:pt x="131" y="47"/>
                  </a:cubicBezTo>
                  <a:cubicBezTo>
                    <a:pt x="95" y="0"/>
                    <a:pt x="95" y="0"/>
                    <a:pt x="95" y="0"/>
                  </a:cubicBezTo>
                  <a:cubicBezTo>
                    <a:pt x="70" y="19"/>
                    <a:pt x="38" y="27"/>
                    <a:pt x="8" y="24"/>
                  </a:cubicBezTo>
                </a:path>
              </a:pathLst>
            </a:custGeom>
            <a:solidFill>
              <a:srgbClr val="C5C6C6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" name="Freeform 10"/>
            <p:cNvSpPr/>
            <p:nvPr/>
          </p:nvSpPr>
          <p:spPr bwMode="auto">
            <a:xfrm>
              <a:off x="2476" y="845"/>
              <a:ext cx="918" cy="1587"/>
            </a:xfrm>
            <a:custGeom>
              <a:gdLst>
                <a:gd fmla="*/ 110 w 192" name="T0"/>
                <a:gd fmla="*/ 37 h 332" name="T1"/>
                <a:gd fmla="*/ 1 w 192" name="T2"/>
                <a:gd fmla="*/ 0 h 332" name="T3"/>
                <a:gd fmla="*/ 1 w 192" name="T4"/>
                <a:gd fmla="*/ 7 h 332" name="T5"/>
                <a:gd fmla="*/ 0 w 192" name="T6"/>
                <a:gd fmla="*/ 66 h 332" name="T7"/>
                <a:gd fmla="*/ 0 w 192" name="T8"/>
                <a:gd fmla="*/ 73 h 332" name="T9"/>
                <a:gd fmla="*/ 65 w 192" name="T10"/>
                <a:gd fmla="*/ 96 h 332" name="T11"/>
                <a:gd fmla="*/ 108 w 192" name="T12"/>
                <a:gd fmla="*/ 205 h 332" name="T13"/>
                <a:gd fmla="*/ 108 w 192" name="T14"/>
                <a:gd fmla="*/ 207 h 332" name="T15"/>
                <a:gd fmla="*/ 87 w 192" name="T16"/>
                <a:gd fmla="*/ 254 h 332" name="T17"/>
                <a:gd fmla="*/ 67 w 192" name="T18"/>
                <a:gd fmla="*/ 274 h 332" name="T19"/>
                <a:gd fmla="*/ 71 w 192" name="T20"/>
                <a:gd fmla="*/ 280 h 332" name="T21"/>
                <a:gd fmla="*/ 108 w 192" name="T22"/>
                <a:gd fmla="*/ 327 h 332" name="T23"/>
                <a:gd fmla="*/ 112 w 192" name="T24"/>
                <a:gd fmla="*/ 332 h 332" name="T25"/>
                <a:gd fmla="*/ 145 w 192" name="T26"/>
                <a:gd fmla="*/ 299 h 332" name="T27"/>
                <a:gd fmla="*/ 180 w 192" name="T28"/>
                <a:gd fmla="*/ 221 h 332" name="T29"/>
                <a:gd fmla="*/ 180 w 192" name="T30"/>
                <a:gd fmla="*/ 218 h 332" name="T31"/>
                <a:gd fmla="*/ 110 w 192" name="T32"/>
                <a:gd fmla="*/ 37 h 332" name="T3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b="b" l="0" r="r" t="0"/>
              <a:pathLst>
                <a:path h="332" w="192">
                  <a:moveTo>
                    <a:pt x="110" y="37"/>
                  </a:moveTo>
                  <a:cubicBezTo>
                    <a:pt x="77" y="13"/>
                    <a:pt x="39" y="0"/>
                    <a:pt x="1" y="0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0" y="66"/>
                    <a:pt x="0" y="66"/>
                    <a:pt x="0" y="66"/>
                  </a:cubicBezTo>
                  <a:cubicBezTo>
                    <a:pt x="0" y="73"/>
                    <a:pt x="0" y="73"/>
                    <a:pt x="0" y="73"/>
                  </a:cubicBezTo>
                  <a:cubicBezTo>
                    <a:pt x="23" y="74"/>
                    <a:pt x="46" y="81"/>
                    <a:pt x="65" y="96"/>
                  </a:cubicBezTo>
                  <a:cubicBezTo>
                    <a:pt x="100" y="122"/>
                    <a:pt x="115" y="165"/>
                    <a:pt x="108" y="205"/>
                  </a:cubicBezTo>
                  <a:cubicBezTo>
                    <a:pt x="108" y="206"/>
                    <a:pt x="108" y="207"/>
                    <a:pt x="108" y="207"/>
                  </a:cubicBezTo>
                  <a:cubicBezTo>
                    <a:pt x="104" y="224"/>
                    <a:pt x="98" y="240"/>
                    <a:pt x="87" y="254"/>
                  </a:cubicBezTo>
                  <a:cubicBezTo>
                    <a:pt x="81" y="262"/>
                    <a:pt x="74" y="268"/>
                    <a:pt x="67" y="274"/>
                  </a:cubicBezTo>
                  <a:cubicBezTo>
                    <a:pt x="71" y="280"/>
                    <a:pt x="71" y="280"/>
                    <a:pt x="71" y="280"/>
                  </a:cubicBezTo>
                  <a:cubicBezTo>
                    <a:pt x="108" y="327"/>
                    <a:pt x="108" y="327"/>
                    <a:pt x="108" y="327"/>
                  </a:cubicBezTo>
                  <a:cubicBezTo>
                    <a:pt x="112" y="332"/>
                    <a:pt x="112" y="332"/>
                    <a:pt x="112" y="332"/>
                  </a:cubicBezTo>
                  <a:cubicBezTo>
                    <a:pt x="124" y="323"/>
                    <a:pt x="135" y="311"/>
                    <a:pt x="145" y="299"/>
                  </a:cubicBezTo>
                  <a:cubicBezTo>
                    <a:pt x="163" y="275"/>
                    <a:pt x="175" y="248"/>
                    <a:pt x="180" y="221"/>
                  </a:cubicBezTo>
                  <a:cubicBezTo>
                    <a:pt x="180" y="220"/>
                    <a:pt x="180" y="219"/>
                    <a:pt x="180" y="218"/>
                  </a:cubicBezTo>
                  <a:cubicBezTo>
                    <a:pt x="192" y="152"/>
                    <a:pt x="167" y="81"/>
                    <a:pt x="110" y="37"/>
                  </a:cubicBezTo>
                </a:path>
              </a:pathLst>
            </a:custGeom>
            <a:solidFill>
              <a:srgbClr val="9DB9B6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" name="Freeform 11"/>
            <p:cNvSpPr/>
            <p:nvPr/>
          </p:nvSpPr>
          <p:spPr bwMode="auto">
            <a:xfrm>
              <a:off x="2275" y="1485"/>
              <a:ext cx="334" cy="708"/>
            </a:xfrm>
            <a:custGeom>
              <a:gdLst>
                <a:gd fmla="*/ 53 w 70" name="T0"/>
                <a:gd fmla="*/ 0 h 148" name="T1"/>
                <a:gd fmla="*/ 18 w 70" name="T2"/>
                <a:gd fmla="*/ 0 h 148" name="T3"/>
                <a:gd fmla="*/ 0 w 70" name="T4"/>
                <a:gd fmla="*/ 15 h 148" name="T5"/>
                <a:gd fmla="*/ 0 w 70" name="T6"/>
                <a:gd fmla="*/ 15 h 148" name="T7"/>
                <a:gd fmla="*/ 0 w 70" name="T8"/>
                <a:gd fmla="*/ 17 h 148" name="T9"/>
                <a:gd fmla="*/ 0 w 70" name="T10"/>
                <a:gd fmla="*/ 67 h 148" name="T11"/>
                <a:gd fmla="*/ 5 w 70" name="T12"/>
                <a:gd fmla="*/ 73 h 148" name="T13"/>
                <a:gd fmla="*/ 11 w 70" name="T14"/>
                <a:gd fmla="*/ 67 h 148" name="T15"/>
                <a:gd fmla="*/ 11 w 70" name="T16"/>
                <a:gd fmla="*/ 24 h 148" name="T17"/>
                <a:gd fmla="*/ 16 w 70" name="T18"/>
                <a:gd fmla="*/ 24 h 148" name="T19"/>
                <a:gd fmla="*/ 16 w 70" name="T20"/>
                <a:gd fmla="*/ 65 h 148" name="T21"/>
                <a:gd fmla="*/ 16 w 70" name="T22"/>
                <a:gd fmla="*/ 67 h 148" name="T23"/>
                <a:gd fmla="*/ 16 w 70" name="T24"/>
                <a:gd fmla="*/ 140 h 148" name="T25"/>
                <a:gd fmla="*/ 25 w 70" name="T26"/>
                <a:gd fmla="*/ 148 h 148" name="T27"/>
                <a:gd fmla="*/ 33 w 70" name="T28"/>
                <a:gd fmla="*/ 140 h 148" name="T29"/>
                <a:gd fmla="*/ 33 w 70" name="T30"/>
                <a:gd fmla="*/ 75 h 148" name="T31"/>
                <a:gd fmla="*/ 37 w 70" name="T32"/>
                <a:gd fmla="*/ 75 h 148" name="T33"/>
                <a:gd fmla="*/ 37 w 70" name="T34"/>
                <a:gd fmla="*/ 140 h 148" name="T35"/>
                <a:gd fmla="*/ 45 w 70" name="T36"/>
                <a:gd fmla="*/ 148 h 148" name="T37"/>
                <a:gd fmla="*/ 53 w 70" name="T38"/>
                <a:gd fmla="*/ 140 h 148" name="T39"/>
                <a:gd fmla="*/ 53 w 70" name="T40"/>
                <a:gd fmla="*/ 65 h 148" name="T41"/>
                <a:gd fmla="*/ 53 w 70" name="T42"/>
                <a:gd fmla="*/ 65 h 148" name="T43"/>
                <a:gd fmla="*/ 53 w 70" name="T44"/>
                <a:gd fmla="*/ 24 h 148" name="T45"/>
                <a:gd fmla="*/ 57 w 70" name="T46"/>
                <a:gd fmla="*/ 24 h 148" name="T47"/>
                <a:gd fmla="*/ 57 w 70" name="T48"/>
                <a:gd fmla="*/ 67 h 148" name="T49"/>
                <a:gd fmla="*/ 64 w 70" name="T50"/>
                <a:gd fmla="*/ 73 h 148" name="T51"/>
                <a:gd fmla="*/ 70 w 70" name="T52"/>
                <a:gd fmla="*/ 67 h 148" name="T53"/>
                <a:gd fmla="*/ 70 w 70" name="T54"/>
                <a:gd fmla="*/ 17 h 148" name="T55"/>
                <a:gd fmla="*/ 70 w 70" name="T56"/>
                <a:gd fmla="*/ 15 h 148" name="T57"/>
                <a:gd fmla="*/ 70 w 70" name="T58"/>
                <a:gd fmla="*/ 14 h 148" name="T59"/>
                <a:gd fmla="*/ 53 w 70" name="T60"/>
                <a:gd fmla="*/ 0 h 148" name="T6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b="b" l="0" r="r" t="0"/>
              <a:pathLst>
                <a:path h="148" w="70">
                  <a:moveTo>
                    <a:pt x="53" y="0"/>
                  </a:moveTo>
                  <a:cubicBezTo>
                    <a:pt x="18" y="0"/>
                    <a:pt x="18" y="0"/>
                    <a:pt x="18" y="0"/>
                  </a:cubicBezTo>
                  <a:cubicBezTo>
                    <a:pt x="4" y="0"/>
                    <a:pt x="0" y="11"/>
                    <a:pt x="0" y="15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0" y="17"/>
                    <a:pt x="0" y="17"/>
                    <a:pt x="0" y="17"/>
                  </a:cubicBezTo>
                  <a:cubicBezTo>
                    <a:pt x="0" y="67"/>
                    <a:pt x="0" y="67"/>
                    <a:pt x="0" y="67"/>
                  </a:cubicBezTo>
                  <a:cubicBezTo>
                    <a:pt x="0" y="70"/>
                    <a:pt x="2" y="73"/>
                    <a:pt x="5" y="73"/>
                  </a:cubicBezTo>
                  <a:cubicBezTo>
                    <a:pt x="9" y="73"/>
                    <a:pt x="11" y="70"/>
                    <a:pt x="11" y="67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6" y="24"/>
                    <a:pt x="16" y="24"/>
                    <a:pt x="16" y="24"/>
                  </a:cubicBezTo>
                  <a:cubicBezTo>
                    <a:pt x="16" y="65"/>
                    <a:pt x="16" y="65"/>
                    <a:pt x="16" y="65"/>
                  </a:cubicBezTo>
                  <a:cubicBezTo>
                    <a:pt x="16" y="66"/>
                    <a:pt x="16" y="66"/>
                    <a:pt x="16" y="67"/>
                  </a:cubicBezTo>
                  <a:cubicBezTo>
                    <a:pt x="16" y="140"/>
                    <a:pt x="16" y="140"/>
                    <a:pt x="16" y="140"/>
                  </a:cubicBezTo>
                  <a:cubicBezTo>
                    <a:pt x="16" y="145"/>
                    <a:pt x="20" y="148"/>
                    <a:pt x="25" y="148"/>
                  </a:cubicBezTo>
                  <a:cubicBezTo>
                    <a:pt x="29" y="148"/>
                    <a:pt x="33" y="145"/>
                    <a:pt x="33" y="140"/>
                  </a:cubicBezTo>
                  <a:cubicBezTo>
                    <a:pt x="33" y="75"/>
                    <a:pt x="33" y="75"/>
                    <a:pt x="33" y="75"/>
                  </a:cubicBezTo>
                  <a:cubicBezTo>
                    <a:pt x="37" y="75"/>
                    <a:pt x="37" y="75"/>
                    <a:pt x="37" y="75"/>
                  </a:cubicBezTo>
                  <a:cubicBezTo>
                    <a:pt x="37" y="140"/>
                    <a:pt x="37" y="140"/>
                    <a:pt x="37" y="140"/>
                  </a:cubicBezTo>
                  <a:cubicBezTo>
                    <a:pt x="37" y="145"/>
                    <a:pt x="40" y="148"/>
                    <a:pt x="45" y="148"/>
                  </a:cubicBezTo>
                  <a:cubicBezTo>
                    <a:pt x="49" y="148"/>
                    <a:pt x="53" y="145"/>
                    <a:pt x="53" y="140"/>
                  </a:cubicBezTo>
                  <a:cubicBezTo>
                    <a:pt x="53" y="65"/>
                    <a:pt x="53" y="65"/>
                    <a:pt x="53" y="65"/>
                  </a:cubicBezTo>
                  <a:cubicBezTo>
                    <a:pt x="53" y="65"/>
                    <a:pt x="53" y="65"/>
                    <a:pt x="53" y="65"/>
                  </a:cubicBezTo>
                  <a:cubicBezTo>
                    <a:pt x="53" y="24"/>
                    <a:pt x="53" y="24"/>
                    <a:pt x="53" y="24"/>
                  </a:cubicBezTo>
                  <a:cubicBezTo>
                    <a:pt x="57" y="24"/>
                    <a:pt x="57" y="24"/>
                    <a:pt x="57" y="24"/>
                  </a:cubicBezTo>
                  <a:cubicBezTo>
                    <a:pt x="57" y="67"/>
                    <a:pt x="57" y="67"/>
                    <a:pt x="57" y="67"/>
                  </a:cubicBezTo>
                  <a:cubicBezTo>
                    <a:pt x="57" y="70"/>
                    <a:pt x="60" y="73"/>
                    <a:pt x="64" y="73"/>
                  </a:cubicBezTo>
                  <a:cubicBezTo>
                    <a:pt x="67" y="73"/>
                    <a:pt x="70" y="70"/>
                    <a:pt x="70" y="67"/>
                  </a:cubicBezTo>
                  <a:cubicBezTo>
                    <a:pt x="70" y="17"/>
                    <a:pt x="70" y="17"/>
                    <a:pt x="70" y="17"/>
                  </a:cubicBezTo>
                  <a:cubicBezTo>
                    <a:pt x="70" y="15"/>
                    <a:pt x="70" y="15"/>
                    <a:pt x="70" y="15"/>
                  </a:cubicBezTo>
                  <a:cubicBezTo>
                    <a:pt x="70" y="14"/>
                    <a:pt x="70" y="14"/>
                    <a:pt x="70" y="14"/>
                  </a:cubicBezTo>
                  <a:cubicBezTo>
                    <a:pt x="70" y="9"/>
                    <a:pt x="64" y="0"/>
                    <a:pt x="53" y="0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" name="Oval 12"/>
            <p:cNvSpPr>
              <a:spLocks noChangeArrowheads="1"/>
            </p:cNvSpPr>
            <p:nvPr/>
          </p:nvSpPr>
          <p:spPr bwMode="auto">
            <a:xfrm>
              <a:off x="2375" y="1337"/>
              <a:ext cx="134" cy="134"/>
            </a:xfrm>
            <a:prstGeom prst="ellipse">
              <a:avLst/>
            </a:prstGeom>
            <a:solidFill>
              <a:srgbClr val="CABD6C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grpSp>
        <p:nvGrpSpPr>
          <p:cNvPr id="10" name="Group 25"/>
          <p:cNvGrpSpPr>
            <a:grpSpLocks noChangeAspect="1"/>
          </p:cNvGrpSpPr>
          <p:nvPr/>
        </p:nvGrpSpPr>
        <p:grpSpPr>
          <a:xfrm>
            <a:off x="6713302" y="1311279"/>
            <a:ext cx="2494636" cy="2536822"/>
            <a:chOff x="3316" y="907"/>
            <a:chExt cx="1774" cy="1804"/>
          </a:xfrm>
        </p:grpSpPr>
        <p:sp>
          <p:nvSpPr>
            <p:cNvPr id="11" name="AutoShape 24"/>
            <p:cNvSpPr>
              <a:spLocks noChangeArrowheads="1" noChangeAspect="1" noTextEdit="1"/>
            </p:cNvSpPr>
            <p:nvPr/>
          </p:nvSpPr>
          <p:spPr bwMode="auto">
            <a:xfrm>
              <a:off x="3346" y="912"/>
              <a:ext cx="1714" cy="174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2" name="Freeform 26"/>
            <p:cNvSpPr/>
            <p:nvPr/>
          </p:nvSpPr>
          <p:spPr bwMode="auto">
            <a:xfrm>
              <a:off x="3496" y="937"/>
              <a:ext cx="702" cy="516"/>
            </a:xfrm>
            <a:custGeom>
              <a:gdLst>
                <a:gd fmla="*/ 89 w 140" name="T0"/>
                <a:gd fmla="*/ 67 h 103" name="T1"/>
                <a:gd fmla="*/ 138 w 140" name="T2"/>
                <a:gd fmla="*/ 56 h 103" name="T3"/>
                <a:gd fmla="*/ 140 w 140" name="T4"/>
                <a:gd fmla="*/ 1 h 103" name="T5"/>
                <a:gd fmla="*/ 65 w 140" name="T6"/>
                <a:gd fmla="*/ 17 h 103" name="T7"/>
                <a:gd fmla="*/ 0 w 140" name="T8"/>
                <a:gd fmla="*/ 72 h 103" name="T9"/>
                <a:gd fmla="*/ 45 w 140" name="T10"/>
                <a:gd fmla="*/ 103 h 103" name="T11"/>
                <a:gd fmla="*/ 89 w 140" name="T12"/>
                <a:gd fmla="*/ 67 h 103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103" w="140">
                  <a:moveTo>
                    <a:pt x="89" y="67"/>
                  </a:moveTo>
                  <a:cubicBezTo>
                    <a:pt x="105" y="59"/>
                    <a:pt x="122" y="55"/>
                    <a:pt x="138" y="56"/>
                  </a:cubicBezTo>
                  <a:cubicBezTo>
                    <a:pt x="140" y="1"/>
                    <a:pt x="140" y="1"/>
                    <a:pt x="140" y="1"/>
                  </a:cubicBezTo>
                  <a:cubicBezTo>
                    <a:pt x="115" y="0"/>
                    <a:pt x="89" y="5"/>
                    <a:pt x="65" y="17"/>
                  </a:cubicBezTo>
                  <a:cubicBezTo>
                    <a:pt x="38" y="30"/>
                    <a:pt x="16" y="49"/>
                    <a:pt x="0" y="72"/>
                  </a:cubicBezTo>
                  <a:cubicBezTo>
                    <a:pt x="45" y="103"/>
                    <a:pt x="45" y="103"/>
                    <a:pt x="45" y="103"/>
                  </a:cubicBezTo>
                  <a:cubicBezTo>
                    <a:pt x="56" y="88"/>
                    <a:pt x="71" y="75"/>
                    <a:pt x="89" y="67"/>
                  </a:cubicBezTo>
                </a:path>
              </a:pathLst>
            </a:custGeom>
            <a:solidFill>
              <a:srgbClr val="585A5B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3" name="Freeform 27"/>
            <p:cNvSpPr/>
            <p:nvPr/>
          </p:nvSpPr>
          <p:spPr bwMode="auto">
            <a:xfrm>
              <a:off x="3316" y="1308"/>
              <a:ext cx="401" cy="616"/>
            </a:xfrm>
            <a:custGeom>
              <a:gdLst>
                <a:gd fmla="*/ 80 w 80" name="T0"/>
                <a:gd fmla="*/ 31 h 123" name="T1"/>
                <a:gd fmla="*/ 34 w 80" name="T2"/>
                <a:gd fmla="*/ 0 h 123" name="T3"/>
                <a:gd fmla="*/ 8 w 80" name="T4"/>
                <a:gd fmla="*/ 123 h 123" name="T5"/>
                <a:gd fmla="*/ 62 w 80" name="T6"/>
                <a:gd fmla="*/ 113 h 123" name="T7"/>
                <a:gd fmla="*/ 80 w 80" name="T8"/>
                <a:gd fmla="*/ 31 h 123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123" w="80">
                  <a:moveTo>
                    <a:pt x="80" y="31"/>
                  </a:moveTo>
                  <a:cubicBezTo>
                    <a:pt x="34" y="0"/>
                    <a:pt x="34" y="0"/>
                    <a:pt x="34" y="0"/>
                  </a:cubicBezTo>
                  <a:cubicBezTo>
                    <a:pt x="10" y="36"/>
                    <a:pt x="0" y="80"/>
                    <a:pt x="8" y="123"/>
                  </a:cubicBezTo>
                  <a:cubicBezTo>
                    <a:pt x="62" y="113"/>
                    <a:pt x="62" y="113"/>
                    <a:pt x="62" y="113"/>
                  </a:cubicBezTo>
                  <a:cubicBezTo>
                    <a:pt x="57" y="84"/>
                    <a:pt x="64" y="55"/>
                    <a:pt x="80" y="31"/>
                  </a:cubicBezTo>
                </a:path>
              </a:pathLst>
            </a:custGeom>
            <a:solidFill>
              <a:srgbClr val="B8B8B8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4" name="Freeform 28"/>
            <p:cNvSpPr/>
            <p:nvPr/>
          </p:nvSpPr>
          <p:spPr bwMode="auto">
            <a:xfrm>
              <a:off x="3361" y="1884"/>
              <a:ext cx="471" cy="551"/>
            </a:xfrm>
            <a:custGeom>
              <a:gdLst>
                <a:gd fmla="*/ 63 w 94" name="T0"/>
                <a:gd fmla="*/ 27 h 110" name="T1"/>
                <a:gd fmla="*/ 54 w 94" name="T2"/>
                <a:gd fmla="*/ 0 h 110" name="T3"/>
                <a:gd fmla="*/ 0 w 94" name="T4"/>
                <a:gd fmla="*/ 10 h 110" name="T5"/>
                <a:gd fmla="*/ 13 w 94" name="T6"/>
                <a:gd fmla="*/ 50 h 110" name="T7"/>
                <a:gd fmla="*/ 61 w 94" name="T8"/>
                <a:gd fmla="*/ 110 h 110" name="T9"/>
                <a:gd fmla="*/ 94 w 94" name="T10"/>
                <a:gd fmla="*/ 67 h 110" name="T11"/>
                <a:gd fmla="*/ 63 w 94" name="T12"/>
                <a:gd fmla="*/ 27 h 110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110" w="94">
                  <a:moveTo>
                    <a:pt x="63" y="27"/>
                  </a:moveTo>
                  <a:cubicBezTo>
                    <a:pt x="58" y="18"/>
                    <a:pt x="56" y="9"/>
                    <a:pt x="54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2" y="24"/>
                    <a:pt x="7" y="37"/>
                    <a:pt x="13" y="50"/>
                  </a:cubicBezTo>
                  <a:cubicBezTo>
                    <a:pt x="24" y="75"/>
                    <a:pt x="41" y="95"/>
                    <a:pt x="61" y="110"/>
                  </a:cubicBezTo>
                  <a:cubicBezTo>
                    <a:pt x="94" y="67"/>
                    <a:pt x="94" y="67"/>
                    <a:pt x="94" y="67"/>
                  </a:cubicBezTo>
                  <a:cubicBezTo>
                    <a:pt x="81" y="56"/>
                    <a:pt x="70" y="43"/>
                    <a:pt x="63" y="27"/>
                  </a:cubicBezTo>
                </a:path>
              </a:pathLst>
            </a:custGeom>
            <a:solidFill>
              <a:srgbClr val="C5C6C6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5" name="Freeform 29"/>
            <p:cNvSpPr/>
            <p:nvPr/>
          </p:nvSpPr>
          <p:spPr bwMode="auto">
            <a:xfrm>
              <a:off x="3652" y="907"/>
              <a:ext cx="1438" cy="1804"/>
            </a:xfrm>
            <a:custGeom>
              <a:gdLst>
                <a:gd fmla="*/ 111 w 287" name="T0"/>
                <a:gd fmla="*/ 0 h 360" name="T1"/>
                <a:gd fmla="*/ 111 w 287" name="T2"/>
                <a:gd fmla="*/ 7 h 360" name="T3"/>
                <a:gd fmla="*/ 110 w 287" name="T4"/>
                <a:gd fmla="*/ 62 h 360" name="T5"/>
                <a:gd fmla="*/ 109 w 287" name="T6"/>
                <a:gd fmla="*/ 68 h 360" name="T7"/>
                <a:gd fmla="*/ 201 w 287" name="T8"/>
                <a:gd fmla="*/ 128 h 360" name="T9"/>
                <a:gd fmla="*/ 199 w 287" name="T10"/>
                <a:gd fmla="*/ 222 h 360" name="T11"/>
                <a:gd fmla="*/ 198 w 287" name="T12"/>
                <a:gd fmla="*/ 224 h 360" name="T13"/>
                <a:gd fmla="*/ 151 w 287" name="T14"/>
                <a:gd fmla="*/ 269 h 360" name="T15"/>
                <a:gd fmla="*/ 42 w 287" name="T16"/>
                <a:gd fmla="*/ 258 h 360" name="T17"/>
                <a:gd fmla="*/ 38 w 287" name="T18"/>
                <a:gd fmla="*/ 263 h 360" name="T19"/>
                <a:gd fmla="*/ 4 w 287" name="T20"/>
                <a:gd fmla="*/ 307 h 360" name="T21"/>
                <a:gd fmla="*/ 0 w 287" name="T22"/>
                <a:gd fmla="*/ 312 h 360" name="T23"/>
                <a:gd fmla="*/ 180 w 287" name="T24"/>
                <a:gd fmla="*/ 331 h 360" name="T25"/>
                <a:gd fmla="*/ 258 w 287" name="T26"/>
                <a:gd fmla="*/ 257 h 360" name="T27"/>
                <a:gd fmla="*/ 259 w 287" name="T28"/>
                <a:gd fmla="*/ 255 h 360" name="T29"/>
                <a:gd fmla="*/ 263 w 287" name="T30"/>
                <a:gd fmla="*/ 99 h 360" name="T31"/>
                <a:gd fmla="*/ 111 w 287" name="T32"/>
                <a:gd fmla="*/ 0 h 360" name="T3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b="b" l="0" r="r" t="0"/>
              <a:pathLst>
                <a:path h="360" w="287">
                  <a:moveTo>
                    <a:pt x="111" y="0"/>
                  </a:moveTo>
                  <a:cubicBezTo>
                    <a:pt x="111" y="7"/>
                    <a:pt x="111" y="7"/>
                    <a:pt x="111" y="7"/>
                  </a:cubicBezTo>
                  <a:cubicBezTo>
                    <a:pt x="110" y="62"/>
                    <a:pt x="110" y="62"/>
                    <a:pt x="110" y="62"/>
                  </a:cubicBezTo>
                  <a:cubicBezTo>
                    <a:pt x="109" y="68"/>
                    <a:pt x="109" y="68"/>
                    <a:pt x="109" y="68"/>
                  </a:cubicBezTo>
                  <a:cubicBezTo>
                    <a:pt x="147" y="70"/>
                    <a:pt x="183" y="92"/>
                    <a:pt x="201" y="128"/>
                  </a:cubicBezTo>
                  <a:cubicBezTo>
                    <a:pt x="216" y="159"/>
                    <a:pt x="214" y="194"/>
                    <a:pt x="199" y="222"/>
                  </a:cubicBezTo>
                  <a:cubicBezTo>
                    <a:pt x="199" y="223"/>
                    <a:pt x="198" y="224"/>
                    <a:pt x="198" y="224"/>
                  </a:cubicBezTo>
                  <a:cubicBezTo>
                    <a:pt x="188" y="243"/>
                    <a:pt x="172" y="259"/>
                    <a:pt x="151" y="269"/>
                  </a:cubicBezTo>
                  <a:cubicBezTo>
                    <a:pt x="114" y="286"/>
                    <a:pt x="73" y="281"/>
                    <a:pt x="42" y="258"/>
                  </a:cubicBezTo>
                  <a:cubicBezTo>
                    <a:pt x="38" y="263"/>
                    <a:pt x="38" y="263"/>
                    <a:pt x="38" y="263"/>
                  </a:cubicBezTo>
                  <a:cubicBezTo>
                    <a:pt x="4" y="307"/>
                    <a:pt x="4" y="307"/>
                    <a:pt x="4" y="307"/>
                  </a:cubicBezTo>
                  <a:cubicBezTo>
                    <a:pt x="0" y="312"/>
                    <a:pt x="0" y="312"/>
                    <a:pt x="0" y="312"/>
                  </a:cubicBezTo>
                  <a:cubicBezTo>
                    <a:pt x="50" y="350"/>
                    <a:pt x="120" y="360"/>
                    <a:pt x="180" y="331"/>
                  </a:cubicBezTo>
                  <a:cubicBezTo>
                    <a:pt x="215" y="314"/>
                    <a:pt x="241" y="288"/>
                    <a:pt x="258" y="257"/>
                  </a:cubicBezTo>
                  <a:cubicBezTo>
                    <a:pt x="259" y="256"/>
                    <a:pt x="259" y="255"/>
                    <a:pt x="259" y="255"/>
                  </a:cubicBezTo>
                  <a:cubicBezTo>
                    <a:pt x="284" y="208"/>
                    <a:pt x="287" y="150"/>
                    <a:pt x="263" y="99"/>
                  </a:cubicBezTo>
                  <a:cubicBezTo>
                    <a:pt x="234" y="38"/>
                    <a:pt x="174" y="2"/>
                    <a:pt x="111" y="0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16" name="Oval 30"/>
            <p:cNvSpPr>
              <a:spLocks noChangeArrowheads="1"/>
            </p:cNvSpPr>
            <p:nvPr/>
          </p:nvSpPr>
          <p:spPr bwMode="auto">
            <a:xfrm>
              <a:off x="4148" y="1373"/>
              <a:ext cx="125" cy="125"/>
            </a:xfrm>
            <a:prstGeom prst="ellipse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17" name="Freeform 31"/>
            <p:cNvSpPr/>
            <p:nvPr/>
          </p:nvSpPr>
          <p:spPr bwMode="auto">
            <a:xfrm>
              <a:off x="4018" y="1523"/>
              <a:ext cx="396" cy="687"/>
            </a:xfrm>
            <a:custGeom>
              <a:gdLst>
                <a:gd fmla="*/ 78 w 79" name="T0"/>
                <a:gd fmla="*/ 51 h 137" name="T1"/>
                <a:gd fmla="*/ 64 w 79" name="T2"/>
                <a:gd fmla="*/ 8 h 137" name="T3"/>
                <a:gd fmla="*/ 55 w 79" name="T4"/>
                <a:gd fmla="*/ 0 h 137" name="T5"/>
                <a:gd fmla="*/ 23 w 79" name="T6"/>
                <a:gd fmla="*/ 0 h 137" name="T7"/>
                <a:gd fmla="*/ 16 w 79" name="T8"/>
                <a:gd fmla="*/ 4 h 137" name="T9"/>
                <a:gd fmla="*/ 15 w 79" name="T10"/>
                <a:gd fmla="*/ 6 h 137" name="T11"/>
                <a:gd fmla="*/ 15 w 79" name="T12"/>
                <a:gd fmla="*/ 6 h 137" name="T13"/>
                <a:gd fmla="*/ 14 w 79" name="T14"/>
                <a:gd fmla="*/ 7 h 137" name="T15"/>
                <a:gd fmla="*/ 1 w 79" name="T16"/>
                <a:gd fmla="*/ 51 h 137" name="T17"/>
                <a:gd fmla="*/ 4 w 79" name="T18"/>
                <a:gd fmla="*/ 58 h 137" name="T19"/>
                <a:gd fmla="*/ 11 w 79" name="T20"/>
                <a:gd fmla="*/ 54 h 137" name="T21"/>
                <a:gd fmla="*/ 22 w 79" name="T22"/>
                <a:gd fmla="*/ 19 h 137" name="T23"/>
                <a:gd fmla="*/ 23 w 79" name="T24"/>
                <a:gd fmla="*/ 19 h 137" name="T25"/>
                <a:gd fmla="*/ 24 w 79" name="T26"/>
                <a:gd fmla="*/ 19 h 137" name="T27"/>
                <a:gd fmla="*/ 8 w 79" name="T28"/>
                <a:gd fmla="*/ 82 h 137" name="T29"/>
                <a:gd fmla="*/ 25 w 79" name="T30"/>
                <a:gd fmla="*/ 82 h 137" name="T31"/>
                <a:gd fmla="*/ 25 w 79" name="T32"/>
                <a:gd fmla="*/ 131 h 137" name="T33"/>
                <a:gd fmla="*/ 31 w 79" name="T34"/>
                <a:gd fmla="*/ 137 h 137" name="T35"/>
                <a:gd fmla="*/ 38 w 79" name="T36"/>
                <a:gd fmla="*/ 131 h 137" name="T37"/>
                <a:gd fmla="*/ 38 w 79" name="T38"/>
                <a:gd fmla="*/ 82 h 137" name="T39"/>
                <a:gd fmla="*/ 41 w 79" name="T40"/>
                <a:gd fmla="*/ 82 h 137" name="T41"/>
                <a:gd fmla="*/ 41 w 79" name="T42"/>
                <a:gd fmla="*/ 131 h 137" name="T43"/>
                <a:gd fmla="*/ 48 w 79" name="T44"/>
                <a:gd fmla="*/ 137 h 137" name="T45"/>
                <a:gd fmla="*/ 54 w 79" name="T46"/>
                <a:gd fmla="*/ 131 h 137" name="T47"/>
                <a:gd fmla="*/ 54 w 79" name="T48"/>
                <a:gd fmla="*/ 82 h 137" name="T49"/>
                <a:gd fmla="*/ 71 w 79" name="T50"/>
                <a:gd fmla="*/ 82 h 137" name="T51"/>
                <a:gd fmla="*/ 54 w 79" name="T52"/>
                <a:gd fmla="*/ 19 h 137" name="T53"/>
                <a:gd fmla="*/ 55 w 79" name="T54"/>
                <a:gd fmla="*/ 19 h 137" name="T55"/>
                <a:gd fmla="*/ 56 w 79" name="T56"/>
                <a:gd fmla="*/ 19 h 137" name="T57"/>
                <a:gd fmla="*/ 67 w 79" name="T58"/>
                <a:gd fmla="*/ 54 h 137" name="T59"/>
                <a:gd fmla="*/ 74 w 79" name="T60"/>
                <a:gd fmla="*/ 58 h 137" name="T61"/>
                <a:gd fmla="*/ 78 w 79" name="T62"/>
                <a:gd fmla="*/ 51 h 137" name="T6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b="b" l="0" r="r" t="0"/>
              <a:pathLst>
                <a:path h="137" w="79">
                  <a:moveTo>
                    <a:pt x="78" y="51"/>
                  </a:moveTo>
                  <a:cubicBezTo>
                    <a:pt x="64" y="8"/>
                    <a:pt x="64" y="8"/>
                    <a:pt x="64" y="8"/>
                  </a:cubicBezTo>
                  <a:cubicBezTo>
                    <a:pt x="63" y="4"/>
                    <a:pt x="59" y="0"/>
                    <a:pt x="55" y="0"/>
                  </a:cubicBezTo>
                  <a:cubicBezTo>
                    <a:pt x="23" y="0"/>
                    <a:pt x="23" y="0"/>
                    <a:pt x="23" y="0"/>
                  </a:cubicBezTo>
                  <a:cubicBezTo>
                    <a:pt x="20" y="0"/>
                    <a:pt x="17" y="2"/>
                    <a:pt x="16" y="4"/>
                  </a:cubicBezTo>
                  <a:cubicBezTo>
                    <a:pt x="15" y="5"/>
                    <a:pt x="15" y="5"/>
                    <a:pt x="15" y="6"/>
                  </a:cubicBezTo>
                  <a:cubicBezTo>
                    <a:pt x="15" y="6"/>
                    <a:pt x="15" y="6"/>
                    <a:pt x="15" y="6"/>
                  </a:cubicBezTo>
                  <a:cubicBezTo>
                    <a:pt x="15" y="6"/>
                    <a:pt x="15" y="7"/>
                    <a:pt x="14" y="7"/>
                  </a:cubicBezTo>
                  <a:cubicBezTo>
                    <a:pt x="1" y="51"/>
                    <a:pt x="1" y="51"/>
                    <a:pt x="1" y="51"/>
                  </a:cubicBezTo>
                  <a:cubicBezTo>
                    <a:pt x="0" y="54"/>
                    <a:pt x="1" y="57"/>
                    <a:pt x="4" y="58"/>
                  </a:cubicBezTo>
                  <a:cubicBezTo>
                    <a:pt x="7" y="59"/>
                    <a:pt x="10" y="57"/>
                    <a:pt x="11" y="54"/>
                  </a:cubicBezTo>
                  <a:cubicBezTo>
                    <a:pt x="22" y="19"/>
                    <a:pt x="22" y="19"/>
                    <a:pt x="22" y="19"/>
                  </a:cubicBezTo>
                  <a:cubicBezTo>
                    <a:pt x="23" y="19"/>
                    <a:pt x="23" y="19"/>
                    <a:pt x="23" y="19"/>
                  </a:cubicBezTo>
                  <a:cubicBezTo>
                    <a:pt x="24" y="19"/>
                    <a:pt x="24" y="19"/>
                    <a:pt x="24" y="19"/>
                  </a:cubicBezTo>
                  <a:cubicBezTo>
                    <a:pt x="8" y="82"/>
                    <a:pt x="8" y="82"/>
                    <a:pt x="8" y="82"/>
                  </a:cubicBezTo>
                  <a:cubicBezTo>
                    <a:pt x="25" y="82"/>
                    <a:pt x="25" y="82"/>
                    <a:pt x="25" y="82"/>
                  </a:cubicBezTo>
                  <a:cubicBezTo>
                    <a:pt x="25" y="131"/>
                    <a:pt x="25" y="131"/>
                    <a:pt x="25" y="131"/>
                  </a:cubicBezTo>
                  <a:cubicBezTo>
                    <a:pt x="25" y="135"/>
                    <a:pt x="28" y="137"/>
                    <a:pt x="31" y="137"/>
                  </a:cubicBezTo>
                  <a:cubicBezTo>
                    <a:pt x="35" y="137"/>
                    <a:pt x="38" y="135"/>
                    <a:pt x="38" y="131"/>
                  </a:cubicBezTo>
                  <a:cubicBezTo>
                    <a:pt x="38" y="82"/>
                    <a:pt x="38" y="82"/>
                    <a:pt x="38" y="82"/>
                  </a:cubicBezTo>
                  <a:cubicBezTo>
                    <a:pt x="41" y="82"/>
                    <a:pt x="41" y="82"/>
                    <a:pt x="41" y="82"/>
                  </a:cubicBezTo>
                  <a:cubicBezTo>
                    <a:pt x="41" y="131"/>
                    <a:pt x="41" y="131"/>
                    <a:pt x="41" y="131"/>
                  </a:cubicBezTo>
                  <a:cubicBezTo>
                    <a:pt x="41" y="135"/>
                    <a:pt x="44" y="137"/>
                    <a:pt x="48" y="137"/>
                  </a:cubicBezTo>
                  <a:cubicBezTo>
                    <a:pt x="51" y="137"/>
                    <a:pt x="54" y="135"/>
                    <a:pt x="54" y="131"/>
                  </a:cubicBezTo>
                  <a:cubicBezTo>
                    <a:pt x="54" y="82"/>
                    <a:pt x="54" y="82"/>
                    <a:pt x="54" y="82"/>
                  </a:cubicBezTo>
                  <a:cubicBezTo>
                    <a:pt x="71" y="82"/>
                    <a:pt x="71" y="82"/>
                    <a:pt x="71" y="82"/>
                  </a:cubicBezTo>
                  <a:cubicBezTo>
                    <a:pt x="54" y="19"/>
                    <a:pt x="54" y="19"/>
                    <a:pt x="54" y="19"/>
                  </a:cubicBezTo>
                  <a:cubicBezTo>
                    <a:pt x="55" y="19"/>
                    <a:pt x="55" y="19"/>
                    <a:pt x="55" y="19"/>
                  </a:cubicBezTo>
                  <a:cubicBezTo>
                    <a:pt x="55" y="19"/>
                    <a:pt x="55" y="19"/>
                    <a:pt x="56" y="19"/>
                  </a:cubicBezTo>
                  <a:cubicBezTo>
                    <a:pt x="67" y="54"/>
                    <a:pt x="67" y="54"/>
                    <a:pt x="67" y="54"/>
                  </a:cubicBezTo>
                  <a:cubicBezTo>
                    <a:pt x="68" y="57"/>
                    <a:pt x="71" y="59"/>
                    <a:pt x="74" y="58"/>
                  </a:cubicBezTo>
                  <a:cubicBezTo>
                    <a:pt x="77" y="57"/>
                    <a:pt x="79" y="54"/>
                    <a:pt x="78" y="51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3082195" y="3917041"/>
            <a:ext cx="220870" cy="566060"/>
            <a:chOff x="2719473" y="2148841"/>
            <a:chExt cx="502596" cy="1288090"/>
          </a:xfrm>
        </p:grpSpPr>
        <p:sp>
          <p:nvSpPr>
            <p:cNvPr id="19" name="Freeform 11"/>
            <p:cNvSpPr/>
            <p:nvPr/>
          </p:nvSpPr>
          <p:spPr bwMode="auto">
            <a:xfrm>
              <a:off x="2719473" y="2371548"/>
              <a:ext cx="502596" cy="1065383"/>
            </a:xfrm>
            <a:custGeom>
              <a:gdLst>
                <a:gd fmla="*/ 53 w 70" name="T0"/>
                <a:gd fmla="*/ 0 h 148" name="T1"/>
                <a:gd fmla="*/ 18 w 70" name="T2"/>
                <a:gd fmla="*/ 0 h 148" name="T3"/>
                <a:gd fmla="*/ 0 w 70" name="T4"/>
                <a:gd fmla="*/ 15 h 148" name="T5"/>
                <a:gd fmla="*/ 0 w 70" name="T6"/>
                <a:gd fmla="*/ 15 h 148" name="T7"/>
                <a:gd fmla="*/ 0 w 70" name="T8"/>
                <a:gd fmla="*/ 17 h 148" name="T9"/>
                <a:gd fmla="*/ 0 w 70" name="T10"/>
                <a:gd fmla="*/ 67 h 148" name="T11"/>
                <a:gd fmla="*/ 5 w 70" name="T12"/>
                <a:gd fmla="*/ 73 h 148" name="T13"/>
                <a:gd fmla="*/ 11 w 70" name="T14"/>
                <a:gd fmla="*/ 67 h 148" name="T15"/>
                <a:gd fmla="*/ 11 w 70" name="T16"/>
                <a:gd fmla="*/ 24 h 148" name="T17"/>
                <a:gd fmla="*/ 16 w 70" name="T18"/>
                <a:gd fmla="*/ 24 h 148" name="T19"/>
                <a:gd fmla="*/ 16 w 70" name="T20"/>
                <a:gd fmla="*/ 65 h 148" name="T21"/>
                <a:gd fmla="*/ 16 w 70" name="T22"/>
                <a:gd fmla="*/ 67 h 148" name="T23"/>
                <a:gd fmla="*/ 16 w 70" name="T24"/>
                <a:gd fmla="*/ 140 h 148" name="T25"/>
                <a:gd fmla="*/ 25 w 70" name="T26"/>
                <a:gd fmla="*/ 148 h 148" name="T27"/>
                <a:gd fmla="*/ 33 w 70" name="T28"/>
                <a:gd fmla="*/ 140 h 148" name="T29"/>
                <a:gd fmla="*/ 33 w 70" name="T30"/>
                <a:gd fmla="*/ 75 h 148" name="T31"/>
                <a:gd fmla="*/ 37 w 70" name="T32"/>
                <a:gd fmla="*/ 75 h 148" name="T33"/>
                <a:gd fmla="*/ 37 w 70" name="T34"/>
                <a:gd fmla="*/ 140 h 148" name="T35"/>
                <a:gd fmla="*/ 45 w 70" name="T36"/>
                <a:gd fmla="*/ 148 h 148" name="T37"/>
                <a:gd fmla="*/ 53 w 70" name="T38"/>
                <a:gd fmla="*/ 140 h 148" name="T39"/>
                <a:gd fmla="*/ 53 w 70" name="T40"/>
                <a:gd fmla="*/ 65 h 148" name="T41"/>
                <a:gd fmla="*/ 53 w 70" name="T42"/>
                <a:gd fmla="*/ 65 h 148" name="T43"/>
                <a:gd fmla="*/ 53 w 70" name="T44"/>
                <a:gd fmla="*/ 24 h 148" name="T45"/>
                <a:gd fmla="*/ 57 w 70" name="T46"/>
                <a:gd fmla="*/ 24 h 148" name="T47"/>
                <a:gd fmla="*/ 57 w 70" name="T48"/>
                <a:gd fmla="*/ 67 h 148" name="T49"/>
                <a:gd fmla="*/ 64 w 70" name="T50"/>
                <a:gd fmla="*/ 73 h 148" name="T51"/>
                <a:gd fmla="*/ 70 w 70" name="T52"/>
                <a:gd fmla="*/ 67 h 148" name="T53"/>
                <a:gd fmla="*/ 70 w 70" name="T54"/>
                <a:gd fmla="*/ 17 h 148" name="T55"/>
                <a:gd fmla="*/ 70 w 70" name="T56"/>
                <a:gd fmla="*/ 15 h 148" name="T57"/>
                <a:gd fmla="*/ 70 w 70" name="T58"/>
                <a:gd fmla="*/ 14 h 148" name="T59"/>
                <a:gd fmla="*/ 53 w 70" name="T60"/>
                <a:gd fmla="*/ 0 h 148" name="T6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b="b" l="0" r="r" t="0"/>
              <a:pathLst>
                <a:path h="148" w="70">
                  <a:moveTo>
                    <a:pt x="53" y="0"/>
                  </a:moveTo>
                  <a:cubicBezTo>
                    <a:pt x="18" y="0"/>
                    <a:pt x="18" y="0"/>
                    <a:pt x="18" y="0"/>
                  </a:cubicBezTo>
                  <a:cubicBezTo>
                    <a:pt x="4" y="0"/>
                    <a:pt x="0" y="11"/>
                    <a:pt x="0" y="15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0" y="17"/>
                    <a:pt x="0" y="17"/>
                    <a:pt x="0" y="17"/>
                  </a:cubicBezTo>
                  <a:cubicBezTo>
                    <a:pt x="0" y="67"/>
                    <a:pt x="0" y="67"/>
                    <a:pt x="0" y="67"/>
                  </a:cubicBezTo>
                  <a:cubicBezTo>
                    <a:pt x="0" y="70"/>
                    <a:pt x="2" y="73"/>
                    <a:pt x="5" y="73"/>
                  </a:cubicBezTo>
                  <a:cubicBezTo>
                    <a:pt x="9" y="73"/>
                    <a:pt x="11" y="70"/>
                    <a:pt x="11" y="67"/>
                  </a:cubicBezTo>
                  <a:cubicBezTo>
                    <a:pt x="11" y="24"/>
                    <a:pt x="11" y="24"/>
                    <a:pt x="11" y="24"/>
                  </a:cubicBezTo>
                  <a:cubicBezTo>
                    <a:pt x="16" y="24"/>
                    <a:pt x="16" y="24"/>
                    <a:pt x="16" y="24"/>
                  </a:cubicBezTo>
                  <a:cubicBezTo>
                    <a:pt x="16" y="65"/>
                    <a:pt x="16" y="65"/>
                    <a:pt x="16" y="65"/>
                  </a:cubicBezTo>
                  <a:cubicBezTo>
                    <a:pt x="16" y="66"/>
                    <a:pt x="16" y="66"/>
                    <a:pt x="16" y="67"/>
                  </a:cubicBezTo>
                  <a:cubicBezTo>
                    <a:pt x="16" y="140"/>
                    <a:pt x="16" y="140"/>
                    <a:pt x="16" y="140"/>
                  </a:cubicBezTo>
                  <a:cubicBezTo>
                    <a:pt x="16" y="145"/>
                    <a:pt x="20" y="148"/>
                    <a:pt x="25" y="148"/>
                  </a:cubicBezTo>
                  <a:cubicBezTo>
                    <a:pt x="29" y="148"/>
                    <a:pt x="33" y="145"/>
                    <a:pt x="33" y="140"/>
                  </a:cubicBezTo>
                  <a:cubicBezTo>
                    <a:pt x="33" y="75"/>
                    <a:pt x="33" y="75"/>
                    <a:pt x="33" y="75"/>
                  </a:cubicBezTo>
                  <a:cubicBezTo>
                    <a:pt x="37" y="75"/>
                    <a:pt x="37" y="75"/>
                    <a:pt x="37" y="75"/>
                  </a:cubicBezTo>
                  <a:cubicBezTo>
                    <a:pt x="37" y="140"/>
                    <a:pt x="37" y="140"/>
                    <a:pt x="37" y="140"/>
                  </a:cubicBezTo>
                  <a:cubicBezTo>
                    <a:pt x="37" y="145"/>
                    <a:pt x="40" y="148"/>
                    <a:pt x="45" y="148"/>
                  </a:cubicBezTo>
                  <a:cubicBezTo>
                    <a:pt x="49" y="148"/>
                    <a:pt x="53" y="145"/>
                    <a:pt x="53" y="140"/>
                  </a:cubicBezTo>
                  <a:cubicBezTo>
                    <a:pt x="53" y="65"/>
                    <a:pt x="53" y="65"/>
                    <a:pt x="53" y="65"/>
                  </a:cubicBezTo>
                  <a:cubicBezTo>
                    <a:pt x="53" y="65"/>
                    <a:pt x="53" y="65"/>
                    <a:pt x="53" y="65"/>
                  </a:cubicBezTo>
                  <a:cubicBezTo>
                    <a:pt x="53" y="24"/>
                    <a:pt x="53" y="24"/>
                    <a:pt x="53" y="24"/>
                  </a:cubicBezTo>
                  <a:cubicBezTo>
                    <a:pt x="57" y="24"/>
                    <a:pt x="57" y="24"/>
                    <a:pt x="57" y="24"/>
                  </a:cubicBezTo>
                  <a:cubicBezTo>
                    <a:pt x="57" y="67"/>
                    <a:pt x="57" y="67"/>
                    <a:pt x="57" y="67"/>
                  </a:cubicBezTo>
                  <a:cubicBezTo>
                    <a:pt x="57" y="70"/>
                    <a:pt x="60" y="73"/>
                    <a:pt x="64" y="73"/>
                  </a:cubicBezTo>
                  <a:cubicBezTo>
                    <a:pt x="67" y="73"/>
                    <a:pt x="70" y="70"/>
                    <a:pt x="70" y="67"/>
                  </a:cubicBezTo>
                  <a:cubicBezTo>
                    <a:pt x="70" y="17"/>
                    <a:pt x="70" y="17"/>
                    <a:pt x="70" y="17"/>
                  </a:cubicBezTo>
                  <a:cubicBezTo>
                    <a:pt x="70" y="15"/>
                    <a:pt x="70" y="15"/>
                    <a:pt x="70" y="15"/>
                  </a:cubicBezTo>
                  <a:cubicBezTo>
                    <a:pt x="70" y="14"/>
                    <a:pt x="70" y="14"/>
                    <a:pt x="70" y="14"/>
                  </a:cubicBezTo>
                  <a:cubicBezTo>
                    <a:pt x="70" y="9"/>
                    <a:pt x="64" y="0"/>
                    <a:pt x="53" y="0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0" name="Oval 12"/>
            <p:cNvSpPr>
              <a:spLocks noChangeArrowheads="1"/>
            </p:cNvSpPr>
            <p:nvPr/>
          </p:nvSpPr>
          <p:spPr bwMode="auto">
            <a:xfrm>
              <a:off x="2869951" y="2148841"/>
              <a:ext cx="201640" cy="201640"/>
            </a:xfrm>
            <a:prstGeom prst="ellipse">
              <a:avLst/>
            </a:prstGeom>
            <a:solidFill>
              <a:srgbClr val="CABD6C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6686546" y="3956137"/>
            <a:ext cx="247654" cy="523448"/>
            <a:chOff x="4632244" y="3364697"/>
            <a:chExt cx="578450" cy="1222633"/>
          </a:xfrm>
        </p:grpSpPr>
        <p:sp>
          <p:nvSpPr>
            <p:cNvPr id="22" name="Oval 30"/>
            <p:cNvSpPr>
              <a:spLocks noChangeArrowheads="1"/>
            </p:cNvSpPr>
            <p:nvPr/>
          </p:nvSpPr>
          <p:spPr bwMode="auto">
            <a:xfrm>
              <a:off x="4822139" y="3364697"/>
              <a:ext cx="182591" cy="182591"/>
            </a:xfrm>
            <a:prstGeom prst="ellipse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3" name="Freeform 31"/>
            <p:cNvSpPr/>
            <p:nvPr/>
          </p:nvSpPr>
          <p:spPr bwMode="auto">
            <a:xfrm>
              <a:off x="4632244" y="3583807"/>
              <a:ext cx="578450" cy="1003523"/>
            </a:xfrm>
            <a:custGeom>
              <a:gdLst>
                <a:gd fmla="*/ 78 w 79" name="T0"/>
                <a:gd fmla="*/ 51 h 137" name="T1"/>
                <a:gd fmla="*/ 64 w 79" name="T2"/>
                <a:gd fmla="*/ 8 h 137" name="T3"/>
                <a:gd fmla="*/ 55 w 79" name="T4"/>
                <a:gd fmla="*/ 0 h 137" name="T5"/>
                <a:gd fmla="*/ 23 w 79" name="T6"/>
                <a:gd fmla="*/ 0 h 137" name="T7"/>
                <a:gd fmla="*/ 16 w 79" name="T8"/>
                <a:gd fmla="*/ 4 h 137" name="T9"/>
                <a:gd fmla="*/ 15 w 79" name="T10"/>
                <a:gd fmla="*/ 6 h 137" name="T11"/>
                <a:gd fmla="*/ 15 w 79" name="T12"/>
                <a:gd fmla="*/ 6 h 137" name="T13"/>
                <a:gd fmla="*/ 14 w 79" name="T14"/>
                <a:gd fmla="*/ 7 h 137" name="T15"/>
                <a:gd fmla="*/ 1 w 79" name="T16"/>
                <a:gd fmla="*/ 51 h 137" name="T17"/>
                <a:gd fmla="*/ 4 w 79" name="T18"/>
                <a:gd fmla="*/ 58 h 137" name="T19"/>
                <a:gd fmla="*/ 11 w 79" name="T20"/>
                <a:gd fmla="*/ 54 h 137" name="T21"/>
                <a:gd fmla="*/ 22 w 79" name="T22"/>
                <a:gd fmla="*/ 19 h 137" name="T23"/>
                <a:gd fmla="*/ 23 w 79" name="T24"/>
                <a:gd fmla="*/ 19 h 137" name="T25"/>
                <a:gd fmla="*/ 24 w 79" name="T26"/>
                <a:gd fmla="*/ 19 h 137" name="T27"/>
                <a:gd fmla="*/ 8 w 79" name="T28"/>
                <a:gd fmla="*/ 82 h 137" name="T29"/>
                <a:gd fmla="*/ 25 w 79" name="T30"/>
                <a:gd fmla="*/ 82 h 137" name="T31"/>
                <a:gd fmla="*/ 25 w 79" name="T32"/>
                <a:gd fmla="*/ 131 h 137" name="T33"/>
                <a:gd fmla="*/ 31 w 79" name="T34"/>
                <a:gd fmla="*/ 137 h 137" name="T35"/>
                <a:gd fmla="*/ 38 w 79" name="T36"/>
                <a:gd fmla="*/ 131 h 137" name="T37"/>
                <a:gd fmla="*/ 38 w 79" name="T38"/>
                <a:gd fmla="*/ 82 h 137" name="T39"/>
                <a:gd fmla="*/ 41 w 79" name="T40"/>
                <a:gd fmla="*/ 82 h 137" name="T41"/>
                <a:gd fmla="*/ 41 w 79" name="T42"/>
                <a:gd fmla="*/ 131 h 137" name="T43"/>
                <a:gd fmla="*/ 48 w 79" name="T44"/>
                <a:gd fmla="*/ 137 h 137" name="T45"/>
                <a:gd fmla="*/ 54 w 79" name="T46"/>
                <a:gd fmla="*/ 131 h 137" name="T47"/>
                <a:gd fmla="*/ 54 w 79" name="T48"/>
                <a:gd fmla="*/ 82 h 137" name="T49"/>
                <a:gd fmla="*/ 71 w 79" name="T50"/>
                <a:gd fmla="*/ 82 h 137" name="T51"/>
                <a:gd fmla="*/ 54 w 79" name="T52"/>
                <a:gd fmla="*/ 19 h 137" name="T53"/>
                <a:gd fmla="*/ 55 w 79" name="T54"/>
                <a:gd fmla="*/ 19 h 137" name="T55"/>
                <a:gd fmla="*/ 56 w 79" name="T56"/>
                <a:gd fmla="*/ 19 h 137" name="T57"/>
                <a:gd fmla="*/ 67 w 79" name="T58"/>
                <a:gd fmla="*/ 54 h 137" name="T59"/>
                <a:gd fmla="*/ 74 w 79" name="T60"/>
                <a:gd fmla="*/ 58 h 137" name="T61"/>
                <a:gd fmla="*/ 78 w 79" name="T62"/>
                <a:gd fmla="*/ 51 h 137" name="T6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b="b" l="0" r="r" t="0"/>
              <a:pathLst>
                <a:path h="137" w="79">
                  <a:moveTo>
                    <a:pt x="78" y="51"/>
                  </a:moveTo>
                  <a:cubicBezTo>
                    <a:pt x="64" y="8"/>
                    <a:pt x="64" y="8"/>
                    <a:pt x="64" y="8"/>
                  </a:cubicBezTo>
                  <a:cubicBezTo>
                    <a:pt x="63" y="4"/>
                    <a:pt x="59" y="0"/>
                    <a:pt x="55" y="0"/>
                  </a:cubicBezTo>
                  <a:cubicBezTo>
                    <a:pt x="23" y="0"/>
                    <a:pt x="23" y="0"/>
                    <a:pt x="23" y="0"/>
                  </a:cubicBezTo>
                  <a:cubicBezTo>
                    <a:pt x="20" y="0"/>
                    <a:pt x="17" y="2"/>
                    <a:pt x="16" y="4"/>
                  </a:cubicBezTo>
                  <a:cubicBezTo>
                    <a:pt x="15" y="5"/>
                    <a:pt x="15" y="5"/>
                    <a:pt x="15" y="6"/>
                  </a:cubicBezTo>
                  <a:cubicBezTo>
                    <a:pt x="15" y="6"/>
                    <a:pt x="15" y="6"/>
                    <a:pt x="15" y="6"/>
                  </a:cubicBezTo>
                  <a:cubicBezTo>
                    <a:pt x="15" y="6"/>
                    <a:pt x="15" y="7"/>
                    <a:pt x="14" y="7"/>
                  </a:cubicBezTo>
                  <a:cubicBezTo>
                    <a:pt x="1" y="51"/>
                    <a:pt x="1" y="51"/>
                    <a:pt x="1" y="51"/>
                  </a:cubicBezTo>
                  <a:cubicBezTo>
                    <a:pt x="0" y="54"/>
                    <a:pt x="1" y="57"/>
                    <a:pt x="4" y="58"/>
                  </a:cubicBezTo>
                  <a:cubicBezTo>
                    <a:pt x="7" y="59"/>
                    <a:pt x="10" y="57"/>
                    <a:pt x="11" y="54"/>
                  </a:cubicBezTo>
                  <a:cubicBezTo>
                    <a:pt x="22" y="19"/>
                    <a:pt x="22" y="19"/>
                    <a:pt x="22" y="19"/>
                  </a:cubicBezTo>
                  <a:cubicBezTo>
                    <a:pt x="23" y="19"/>
                    <a:pt x="23" y="19"/>
                    <a:pt x="23" y="19"/>
                  </a:cubicBezTo>
                  <a:cubicBezTo>
                    <a:pt x="24" y="19"/>
                    <a:pt x="24" y="19"/>
                    <a:pt x="24" y="19"/>
                  </a:cubicBezTo>
                  <a:cubicBezTo>
                    <a:pt x="8" y="82"/>
                    <a:pt x="8" y="82"/>
                    <a:pt x="8" y="82"/>
                  </a:cubicBezTo>
                  <a:cubicBezTo>
                    <a:pt x="25" y="82"/>
                    <a:pt x="25" y="82"/>
                    <a:pt x="25" y="82"/>
                  </a:cubicBezTo>
                  <a:cubicBezTo>
                    <a:pt x="25" y="131"/>
                    <a:pt x="25" y="131"/>
                    <a:pt x="25" y="131"/>
                  </a:cubicBezTo>
                  <a:cubicBezTo>
                    <a:pt x="25" y="135"/>
                    <a:pt x="28" y="137"/>
                    <a:pt x="31" y="137"/>
                  </a:cubicBezTo>
                  <a:cubicBezTo>
                    <a:pt x="35" y="137"/>
                    <a:pt x="38" y="135"/>
                    <a:pt x="38" y="131"/>
                  </a:cubicBezTo>
                  <a:cubicBezTo>
                    <a:pt x="38" y="82"/>
                    <a:pt x="38" y="82"/>
                    <a:pt x="38" y="82"/>
                  </a:cubicBezTo>
                  <a:cubicBezTo>
                    <a:pt x="41" y="82"/>
                    <a:pt x="41" y="82"/>
                    <a:pt x="41" y="82"/>
                  </a:cubicBezTo>
                  <a:cubicBezTo>
                    <a:pt x="41" y="131"/>
                    <a:pt x="41" y="131"/>
                    <a:pt x="41" y="131"/>
                  </a:cubicBezTo>
                  <a:cubicBezTo>
                    <a:pt x="41" y="135"/>
                    <a:pt x="44" y="137"/>
                    <a:pt x="48" y="137"/>
                  </a:cubicBezTo>
                  <a:cubicBezTo>
                    <a:pt x="51" y="137"/>
                    <a:pt x="54" y="135"/>
                    <a:pt x="54" y="131"/>
                  </a:cubicBezTo>
                  <a:cubicBezTo>
                    <a:pt x="54" y="82"/>
                    <a:pt x="54" y="82"/>
                    <a:pt x="54" y="82"/>
                  </a:cubicBezTo>
                  <a:cubicBezTo>
                    <a:pt x="71" y="82"/>
                    <a:pt x="71" y="82"/>
                    <a:pt x="71" y="82"/>
                  </a:cubicBezTo>
                  <a:cubicBezTo>
                    <a:pt x="54" y="19"/>
                    <a:pt x="54" y="19"/>
                    <a:pt x="54" y="19"/>
                  </a:cubicBezTo>
                  <a:cubicBezTo>
                    <a:pt x="55" y="19"/>
                    <a:pt x="55" y="19"/>
                    <a:pt x="55" y="19"/>
                  </a:cubicBezTo>
                  <a:cubicBezTo>
                    <a:pt x="55" y="19"/>
                    <a:pt x="55" y="19"/>
                    <a:pt x="56" y="19"/>
                  </a:cubicBezTo>
                  <a:cubicBezTo>
                    <a:pt x="67" y="54"/>
                    <a:pt x="67" y="54"/>
                    <a:pt x="67" y="54"/>
                  </a:cubicBezTo>
                  <a:cubicBezTo>
                    <a:pt x="68" y="57"/>
                    <a:pt x="71" y="59"/>
                    <a:pt x="74" y="58"/>
                  </a:cubicBezTo>
                  <a:cubicBezTo>
                    <a:pt x="77" y="57"/>
                    <a:pt x="79" y="54"/>
                    <a:pt x="78" y="51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3472223" y="4034312"/>
            <a:ext cx="2081926" cy="390525"/>
            <a:chOff x="1948223" y="4034310"/>
            <a:chExt cx="2081926" cy="390525"/>
          </a:xfrm>
        </p:grpSpPr>
        <p:sp>
          <p:nvSpPr>
            <p:cNvPr id="25" name="矩形 24"/>
            <p:cNvSpPr/>
            <p:nvPr/>
          </p:nvSpPr>
          <p:spPr>
            <a:xfrm>
              <a:off x="2019661" y="4059070"/>
              <a:ext cx="1932305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zh-CN" kern="0" lang="en-US" sz="12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&gt;&gt;单击此处添加文字内容</a:t>
              </a:r>
            </a:p>
          </p:txBody>
        </p:sp>
        <p:cxnSp>
          <p:nvCxnSpPr>
            <p:cNvPr id="26" name="直接连接符 25"/>
            <p:cNvCxnSpPr/>
            <p:nvPr/>
          </p:nvCxnSpPr>
          <p:spPr>
            <a:xfrm>
              <a:off x="1948223" y="4034310"/>
              <a:ext cx="2081926" cy="0"/>
            </a:xfrm>
            <a:prstGeom prst="line">
              <a:avLst/>
            </a:prstGeom>
            <a:ln w="28575">
              <a:solidFill>
                <a:srgbClr val="9DB9B6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7" name="直接连接符 26"/>
            <p:cNvCxnSpPr/>
            <p:nvPr/>
          </p:nvCxnSpPr>
          <p:spPr>
            <a:xfrm>
              <a:off x="1948223" y="4424835"/>
              <a:ext cx="2081926" cy="0"/>
            </a:xfrm>
            <a:prstGeom prst="line">
              <a:avLst/>
            </a:prstGeom>
            <a:ln w="28575">
              <a:solidFill>
                <a:srgbClr val="9DB9B6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8" name="组合 27"/>
          <p:cNvGrpSpPr/>
          <p:nvPr/>
        </p:nvGrpSpPr>
        <p:grpSpPr>
          <a:xfrm>
            <a:off x="7040634" y="4030104"/>
            <a:ext cx="2081926" cy="390525"/>
            <a:chOff x="5497584" y="4049153"/>
            <a:chExt cx="2081926" cy="390525"/>
          </a:xfrm>
        </p:grpSpPr>
        <p:sp>
          <p:nvSpPr>
            <p:cNvPr id="29" name="矩形 28"/>
            <p:cNvSpPr/>
            <p:nvPr/>
          </p:nvSpPr>
          <p:spPr>
            <a:xfrm>
              <a:off x="5562959" y="4084471"/>
              <a:ext cx="1932305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zh-CN" kern="0" lang="en-US" sz="12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&gt;&gt;单击此处添加文字内容</a:t>
              </a:r>
            </a:p>
          </p:txBody>
        </p:sp>
        <p:cxnSp>
          <p:nvCxnSpPr>
            <p:cNvPr id="30" name="直接连接符 29"/>
            <p:cNvCxnSpPr/>
            <p:nvPr/>
          </p:nvCxnSpPr>
          <p:spPr>
            <a:xfrm>
              <a:off x="5497584" y="4049153"/>
              <a:ext cx="2081926" cy="0"/>
            </a:xfrm>
            <a:prstGeom prst="line">
              <a:avLst/>
            </a:prstGeom>
            <a:ln w="28575">
              <a:solidFill>
                <a:schemeClr val="bg1">
                  <a:lumMod val="5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直接连接符 30"/>
            <p:cNvCxnSpPr/>
            <p:nvPr/>
          </p:nvCxnSpPr>
          <p:spPr>
            <a:xfrm>
              <a:off x="5497584" y="4439678"/>
              <a:ext cx="2081926" cy="0"/>
            </a:xfrm>
            <a:prstGeom prst="line">
              <a:avLst/>
            </a:prstGeom>
            <a:ln w="28575">
              <a:solidFill>
                <a:schemeClr val="bg1">
                  <a:lumMod val="5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45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200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2000" fill="hold" id="8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2000" fill="hold" id="9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45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2000" id="12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2000" fill="hold" id="13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2000" fill="hold" id="14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5" nodeType="withEffect" presetClass="entr" presetID="23" presetSubtype="32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dur="1" fill="hold" id="1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17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18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9" nodeType="withEffect" presetClass="entr" presetID="22" presetSubtype="8">
                                  <p:stCondLst>
                                    <p:cond delay="2300"/>
                                  </p:stCondLst>
                                  <p:childTnLst>
                                    <p:set>
                                      <p:cBhvr>
                                        <p:cTn dur="1" fill="hold" id="2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21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22" nodeType="withEffect" presetClass="entr" presetID="23" presetSubtype="32">
                                  <p:stCondLst>
                                    <p:cond delay="2600"/>
                                  </p:stCondLst>
                                  <p:childTnLst>
                                    <p:set>
                                      <p:cBhvr>
                                        <p:cTn dur="1" fill="hold" id="2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24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5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6" nodeType="withEffect" presetClass="entr" presetID="22" presetSubtype="8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dur="1" fill="hold" id="2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28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501534" y="2116674"/>
            <a:ext cx="1954213" cy="1955800"/>
            <a:chOff x="1002583" y="1626840"/>
            <a:chExt cx="1954213" cy="1955800"/>
          </a:xfrm>
        </p:grpSpPr>
        <p:grpSp>
          <p:nvGrpSpPr>
            <p:cNvPr id="3" name="组合 2"/>
            <p:cNvGrpSpPr/>
            <p:nvPr/>
          </p:nvGrpSpPr>
          <p:grpSpPr>
            <a:xfrm>
              <a:off x="1002583" y="1626840"/>
              <a:ext cx="1954213" cy="1955800"/>
              <a:chOff x="1002583" y="1626840"/>
              <a:chExt cx="1954213" cy="1955800"/>
            </a:xfrm>
          </p:grpSpPr>
          <p:sp>
            <p:nvSpPr>
              <p:cNvPr id="5" name="Freeform 6"/>
              <p:cNvSpPr>
                <a:spLocks noEditPoints="1"/>
              </p:cNvSpPr>
              <p:nvPr/>
            </p:nvSpPr>
            <p:spPr bwMode="auto">
              <a:xfrm>
                <a:off x="1980483" y="1798290"/>
                <a:ext cx="976313" cy="1784350"/>
              </a:xfrm>
              <a:custGeom>
                <a:gdLst>
                  <a:gd fmla="*/ 55 w 97" name="T0"/>
                  <a:gd fmla="*/ 1 h 177" name="T1"/>
                  <a:gd fmla="*/ 96 w 97" name="T2"/>
                  <a:gd fmla="*/ 80 h 177" name="T3"/>
                  <a:gd fmla="*/ 1 w 97" name="T4"/>
                  <a:gd fmla="*/ 176 h 177" name="T5"/>
                  <a:gd fmla="*/ 1 w 97" name="T6"/>
                  <a:gd fmla="*/ 143 h 177" name="T7"/>
                  <a:gd fmla="*/ 63 w 97" name="T8"/>
                  <a:gd fmla="*/ 80 h 177" name="T9"/>
                  <a:gd fmla="*/ 36 w 97" name="T10"/>
                  <a:gd fmla="*/ 28 h 177" name="T11"/>
                  <a:gd fmla="*/ 55 w 97" name="T12"/>
                  <a:gd fmla="*/ 1 h 177" name="T13"/>
                  <a:gd fmla="*/ 55 w 97" name="T14"/>
                  <a:gd fmla="*/ 0 h 177" name="T15"/>
                  <a:gd fmla="*/ 35 w 97" name="T16"/>
                  <a:gd fmla="*/ 28 h 177" name="T17"/>
                  <a:gd fmla="*/ 62 w 97" name="T18"/>
                  <a:gd fmla="*/ 80 h 177" name="T19"/>
                  <a:gd fmla="*/ 0 w 97" name="T20"/>
                  <a:gd fmla="*/ 142 h 177" name="T21"/>
                  <a:gd fmla="*/ 0 w 97" name="T22"/>
                  <a:gd fmla="*/ 142 h 177" name="T23"/>
                  <a:gd fmla="*/ 0 w 97" name="T24"/>
                  <a:gd fmla="*/ 177 h 177" name="T25"/>
                  <a:gd fmla="*/ 97 w 97" name="T26"/>
                  <a:gd fmla="*/ 80 h 177" name="T27"/>
                  <a:gd fmla="*/ 55 w 97" name="T28"/>
                  <a:gd fmla="*/ 0 h 177" name="T29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</a:cxnLst>
                <a:rect b="b" l="0" r="r" t="0"/>
                <a:pathLst>
                  <a:path h="177" w="97">
                    <a:moveTo>
                      <a:pt x="55" y="1"/>
                    </a:moveTo>
                    <a:cubicBezTo>
                      <a:pt x="81" y="19"/>
                      <a:pt x="96" y="49"/>
                      <a:pt x="96" y="80"/>
                    </a:cubicBezTo>
                    <a:cubicBezTo>
                      <a:pt x="96" y="132"/>
                      <a:pt x="54" y="175"/>
                      <a:pt x="1" y="176"/>
                    </a:cubicBezTo>
                    <a:cubicBezTo>
                      <a:pt x="1" y="143"/>
                      <a:pt x="1" y="143"/>
                      <a:pt x="1" y="143"/>
                    </a:cubicBezTo>
                    <a:cubicBezTo>
                      <a:pt x="35" y="142"/>
                      <a:pt x="63" y="114"/>
                      <a:pt x="63" y="80"/>
                    </a:cubicBezTo>
                    <a:cubicBezTo>
                      <a:pt x="63" y="59"/>
                      <a:pt x="53" y="40"/>
                      <a:pt x="36" y="28"/>
                    </a:cubicBezTo>
                    <a:lnTo>
                      <a:pt x="55" y="1"/>
                    </a:lnTo>
                    <a:close/>
                    <a:moveTo>
                      <a:pt x="55" y="0"/>
                    </a:moveTo>
                    <a:cubicBezTo>
                      <a:pt x="35" y="28"/>
                      <a:pt x="35" y="28"/>
                      <a:pt x="35" y="28"/>
                    </a:cubicBezTo>
                    <a:cubicBezTo>
                      <a:pt x="51" y="40"/>
                      <a:pt x="62" y="59"/>
                      <a:pt x="62" y="80"/>
                    </a:cubicBezTo>
                    <a:cubicBezTo>
                      <a:pt x="62" y="114"/>
                      <a:pt x="34" y="142"/>
                      <a:pt x="0" y="142"/>
                    </a:cubicBezTo>
                    <a:cubicBezTo>
                      <a:pt x="0" y="142"/>
                      <a:pt x="0" y="142"/>
                      <a:pt x="0" y="142"/>
                    </a:cubicBezTo>
                    <a:cubicBezTo>
                      <a:pt x="0" y="177"/>
                      <a:pt x="0" y="177"/>
                      <a:pt x="0" y="177"/>
                    </a:cubicBezTo>
                    <a:cubicBezTo>
                      <a:pt x="54" y="177"/>
                      <a:pt x="97" y="133"/>
                      <a:pt x="97" y="80"/>
                    </a:cubicBezTo>
                    <a:cubicBezTo>
                      <a:pt x="97" y="47"/>
                      <a:pt x="80" y="17"/>
                      <a:pt x="55" y="0"/>
                    </a:cubicBezTo>
                  </a:path>
                </a:pathLst>
              </a:custGeom>
              <a:solidFill>
                <a:srgbClr val="9B9B9C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" name="Freeform 7"/>
              <p:cNvSpPr/>
              <p:nvPr/>
            </p:nvSpPr>
            <p:spPr bwMode="auto">
              <a:xfrm>
                <a:off x="1002583" y="1626840"/>
                <a:ext cx="1531938" cy="1955800"/>
              </a:xfrm>
              <a:custGeom>
                <a:gdLst>
                  <a:gd fmla="*/ 35 w 152" name="T0"/>
                  <a:gd fmla="*/ 97 h 194" name="T1"/>
                  <a:gd fmla="*/ 97 w 152" name="T2"/>
                  <a:gd fmla="*/ 35 h 194" name="T3"/>
                  <a:gd fmla="*/ 132 w 152" name="T4"/>
                  <a:gd fmla="*/ 45 h 194" name="T5"/>
                  <a:gd fmla="*/ 152 w 152" name="T6"/>
                  <a:gd fmla="*/ 17 h 194" name="T7"/>
                  <a:gd fmla="*/ 97 w 152" name="T8"/>
                  <a:gd fmla="*/ 0 h 194" name="T9"/>
                  <a:gd fmla="*/ 0 w 152" name="T10"/>
                  <a:gd fmla="*/ 97 h 194" name="T11"/>
                  <a:gd fmla="*/ 97 w 152" name="T12"/>
                  <a:gd fmla="*/ 194 h 194" name="T13"/>
                  <a:gd fmla="*/ 97 w 152" name="T14"/>
                  <a:gd fmla="*/ 194 h 194" name="T15"/>
                  <a:gd fmla="*/ 97 w 152" name="T16"/>
                  <a:gd fmla="*/ 159 h 194" name="T17"/>
                  <a:gd fmla="*/ 35 w 152" name="T18"/>
                  <a:gd fmla="*/ 97 h 194" name="T19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b="b" l="0" r="r" t="0"/>
                <a:pathLst>
                  <a:path h="194" w="152">
                    <a:moveTo>
                      <a:pt x="35" y="97"/>
                    </a:moveTo>
                    <a:cubicBezTo>
                      <a:pt x="35" y="63"/>
                      <a:pt x="63" y="35"/>
                      <a:pt x="97" y="35"/>
                    </a:cubicBezTo>
                    <a:cubicBezTo>
                      <a:pt x="110" y="35"/>
                      <a:pt x="122" y="39"/>
                      <a:pt x="132" y="45"/>
                    </a:cubicBezTo>
                    <a:cubicBezTo>
                      <a:pt x="152" y="17"/>
                      <a:pt x="152" y="17"/>
                      <a:pt x="152" y="17"/>
                    </a:cubicBezTo>
                    <a:cubicBezTo>
                      <a:pt x="136" y="6"/>
                      <a:pt x="117" y="0"/>
                      <a:pt x="97" y="0"/>
                    </a:cubicBezTo>
                    <a:cubicBezTo>
                      <a:pt x="44" y="0"/>
                      <a:pt x="0" y="44"/>
                      <a:pt x="0" y="97"/>
                    </a:cubicBezTo>
                    <a:cubicBezTo>
                      <a:pt x="0" y="150"/>
                      <a:pt x="44" y="194"/>
                      <a:pt x="97" y="194"/>
                    </a:cubicBezTo>
                    <a:cubicBezTo>
                      <a:pt x="97" y="194"/>
                      <a:pt x="97" y="194"/>
                      <a:pt x="97" y="194"/>
                    </a:cubicBezTo>
                    <a:cubicBezTo>
                      <a:pt x="97" y="159"/>
                      <a:pt x="97" y="159"/>
                      <a:pt x="97" y="159"/>
                    </a:cubicBezTo>
                    <a:cubicBezTo>
                      <a:pt x="63" y="159"/>
                      <a:pt x="35" y="131"/>
                      <a:pt x="35" y="97"/>
                    </a:cubicBezTo>
                  </a:path>
                </a:pathLst>
              </a:custGeom>
              <a:solidFill>
                <a:srgbClr val="CABD6C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4" name="TextBox 3"/>
            <p:cNvSpPr txBox="1"/>
            <p:nvPr/>
          </p:nvSpPr>
          <p:spPr>
            <a:xfrm>
              <a:off x="1475633" y="2341574"/>
              <a:ext cx="868680" cy="64008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3600">
                  <a:solidFill>
                    <a:srgbClr val="CABD6C"/>
                  </a:solidFill>
                  <a:latin charset="-122" pitchFamily="2" typeface="方正正粗黑简体"/>
                  <a:ea charset="-122" pitchFamily="2" typeface="方正正粗黑简体"/>
                </a:rPr>
                <a:t>60%</a:t>
              </a:r>
            </a:p>
          </p:txBody>
        </p:sp>
      </p:grpSp>
      <p:grpSp>
        <p:nvGrpSpPr>
          <p:cNvPr id="7" name="组合 6"/>
          <p:cNvGrpSpPr/>
          <p:nvPr/>
        </p:nvGrpSpPr>
        <p:grpSpPr>
          <a:xfrm>
            <a:off x="4981209" y="2116674"/>
            <a:ext cx="1954213" cy="1955800"/>
            <a:chOff x="3482258" y="1626840"/>
            <a:chExt cx="1954213" cy="1955800"/>
          </a:xfrm>
        </p:grpSpPr>
        <p:grpSp>
          <p:nvGrpSpPr>
            <p:cNvPr id="8" name="组合 7"/>
            <p:cNvGrpSpPr/>
            <p:nvPr/>
          </p:nvGrpSpPr>
          <p:grpSpPr>
            <a:xfrm>
              <a:off x="3482258" y="1626840"/>
              <a:ext cx="1954213" cy="1955800"/>
              <a:chOff x="3482258" y="1626840"/>
              <a:chExt cx="1954213" cy="1955800"/>
            </a:xfrm>
          </p:grpSpPr>
          <p:sp>
            <p:nvSpPr>
              <p:cNvPr id="10" name="Freeform 8"/>
              <p:cNvSpPr/>
              <p:nvPr/>
            </p:nvSpPr>
            <p:spPr bwMode="auto">
              <a:xfrm>
                <a:off x="3482258" y="1626840"/>
                <a:ext cx="1773238" cy="1955800"/>
              </a:xfrm>
              <a:custGeom>
                <a:gdLst>
                  <a:gd fmla="*/ 35 w 176" name="T0"/>
                  <a:gd fmla="*/ 97 h 194" name="T1"/>
                  <a:gd fmla="*/ 97 w 176" name="T2"/>
                  <a:gd fmla="*/ 35 h 194" name="T3"/>
                  <a:gd fmla="*/ 147 w 176" name="T4"/>
                  <a:gd fmla="*/ 61 h 194" name="T5"/>
                  <a:gd fmla="*/ 176 w 176" name="T6"/>
                  <a:gd fmla="*/ 41 h 194" name="T7"/>
                  <a:gd fmla="*/ 97 w 176" name="T8"/>
                  <a:gd fmla="*/ 0 h 194" name="T9"/>
                  <a:gd fmla="*/ 0 w 176" name="T10"/>
                  <a:gd fmla="*/ 97 h 194" name="T11"/>
                  <a:gd fmla="*/ 97 w 176" name="T12"/>
                  <a:gd fmla="*/ 194 h 194" name="T13"/>
                  <a:gd fmla="*/ 97 w 176" name="T14"/>
                  <a:gd fmla="*/ 194 h 194" name="T15"/>
                  <a:gd fmla="*/ 97 w 176" name="T16"/>
                  <a:gd fmla="*/ 159 h 194" name="T17"/>
                  <a:gd fmla="*/ 35 w 176" name="T18"/>
                  <a:gd fmla="*/ 97 h 194" name="T19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b="b" l="0" r="r" t="0"/>
                <a:pathLst>
                  <a:path h="194" w="176">
                    <a:moveTo>
                      <a:pt x="35" y="97"/>
                    </a:moveTo>
                    <a:cubicBezTo>
                      <a:pt x="35" y="63"/>
                      <a:pt x="63" y="35"/>
                      <a:pt x="97" y="35"/>
                    </a:cubicBezTo>
                    <a:cubicBezTo>
                      <a:pt x="118" y="35"/>
                      <a:pt x="136" y="45"/>
                      <a:pt x="147" y="61"/>
                    </a:cubicBezTo>
                    <a:cubicBezTo>
                      <a:pt x="176" y="41"/>
                      <a:pt x="176" y="41"/>
                      <a:pt x="176" y="41"/>
                    </a:cubicBezTo>
                    <a:cubicBezTo>
                      <a:pt x="158" y="16"/>
                      <a:pt x="130" y="0"/>
                      <a:pt x="97" y="0"/>
                    </a:cubicBezTo>
                    <a:cubicBezTo>
                      <a:pt x="44" y="0"/>
                      <a:pt x="0" y="44"/>
                      <a:pt x="0" y="97"/>
                    </a:cubicBezTo>
                    <a:cubicBezTo>
                      <a:pt x="0" y="150"/>
                      <a:pt x="44" y="194"/>
                      <a:pt x="97" y="194"/>
                    </a:cubicBezTo>
                    <a:cubicBezTo>
                      <a:pt x="97" y="194"/>
                      <a:pt x="97" y="194"/>
                      <a:pt x="97" y="194"/>
                    </a:cubicBezTo>
                    <a:cubicBezTo>
                      <a:pt x="97" y="159"/>
                      <a:pt x="97" y="159"/>
                      <a:pt x="97" y="159"/>
                    </a:cubicBezTo>
                    <a:cubicBezTo>
                      <a:pt x="63" y="159"/>
                      <a:pt x="35" y="131"/>
                      <a:pt x="35" y="97"/>
                    </a:cubicBezTo>
                  </a:path>
                </a:pathLst>
              </a:custGeom>
              <a:solidFill>
                <a:srgbClr val="729A95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1" name="Freeform 9"/>
              <p:cNvSpPr>
                <a:spLocks noEditPoints="1"/>
              </p:cNvSpPr>
              <p:nvPr/>
            </p:nvSpPr>
            <p:spPr bwMode="auto">
              <a:xfrm>
                <a:off x="4458571" y="2039590"/>
                <a:ext cx="977900" cy="1543050"/>
              </a:xfrm>
              <a:custGeom>
                <a:gdLst>
                  <a:gd fmla="*/ 79 w 97" name="T0"/>
                  <a:gd fmla="*/ 1 h 153" name="T1"/>
                  <a:gd fmla="*/ 96 w 97" name="T2"/>
                  <a:gd fmla="*/ 56 h 153" name="T3"/>
                  <a:gd fmla="*/ 1 w 97" name="T4"/>
                  <a:gd fmla="*/ 152 h 153" name="T5"/>
                  <a:gd fmla="*/ 1 w 97" name="T6"/>
                  <a:gd fmla="*/ 119 h 153" name="T7"/>
                  <a:gd fmla="*/ 63 w 97" name="T8"/>
                  <a:gd fmla="*/ 56 h 153" name="T9"/>
                  <a:gd fmla="*/ 52 w 97" name="T10"/>
                  <a:gd fmla="*/ 20 h 153" name="T11"/>
                  <a:gd fmla="*/ 79 w 97" name="T12"/>
                  <a:gd fmla="*/ 1 h 153" name="T13"/>
                  <a:gd fmla="*/ 79 w 97" name="T14"/>
                  <a:gd fmla="*/ 0 h 153" name="T15"/>
                  <a:gd fmla="*/ 50 w 97" name="T16"/>
                  <a:gd fmla="*/ 20 h 153" name="T17"/>
                  <a:gd fmla="*/ 62 w 97" name="T18"/>
                  <a:gd fmla="*/ 56 h 153" name="T19"/>
                  <a:gd fmla="*/ 0 w 97" name="T20"/>
                  <a:gd fmla="*/ 118 h 153" name="T21"/>
                  <a:gd fmla="*/ 0 w 97" name="T22"/>
                  <a:gd fmla="*/ 118 h 153" name="T23"/>
                  <a:gd fmla="*/ 0 w 97" name="T24"/>
                  <a:gd fmla="*/ 153 h 153" name="T25"/>
                  <a:gd fmla="*/ 97 w 97" name="T26"/>
                  <a:gd fmla="*/ 56 h 153" name="T27"/>
                  <a:gd fmla="*/ 79 w 97" name="T28"/>
                  <a:gd fmla="*/ 0 h 153" name="T29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</a:cxnLst>
                <a:rect b="b" l="0" r="r" t="0"/>
                <a:pathLst>
                  <a:path h="153" w="97">
                    <a:moveTo>
                      <a:pt x="79" y="1"/>
                    </a:moveTo>
                    <a:cubicBezTo>
                      <a:pt x="90" y="17"/>
                      <a:pt x="96" y="36"/>
                      <a:pt x="96" y="56"/>
                    </a:cubicBezTo>
                    <a:cubicBezTo>
                      <a:pt x="96" y="108"/>
                      <a:pt x="54" y="151"/>
                      <a:pt x="1" y="152"/>
                    </a:cubicBezTo>
                    <a:cubicBezTo>
                      <a:pt x="1" y="119"/>
                      <a:pt x="1" y="119"/>
                      <a:pt x="1" y="119"/>
                    </a:cubicBezTo>
                    <a:cubicBezTo>
                      <a:pt x="35" y="118"/>
                      <a:pt x="63" y="90"/>
                      <a:pt x="63" y="56"/>
                    </a:cubicBezTo>
                    <a:cubicBezTo>
                      <a:pt x="63" y="43"/>
                      <a:pt x="59" y="31"/>
                      <a:pt x="52" y="20"/>
                    </a:cubicBezTo>
                    <a:lnTo>
                      <a:pt x="79" y="1"/>
                    </a:lnTo>
                    <a:close/>
                    <a:moveTo>
                      <a:pt x="79" y="0"/>
                    </a:moveTo>
                    <a:cubicBezTo>
                      <a:pt x="50" y="20"/>
                      <a:pt x="50" y="20"/>
                      <a:pt x="50" y="20"/>
                    </a:cubicBezTo>
                    <a:cubicBezTo>
                      <a:pt x="58" y="30"/>
                      <a:pt x="62" y="42"/>
                      <a:pt x="62" y="56"/>
                    </a:cubicBezTo>
                    <a:cubicBezTo>
                      <a:pt x="62" y="90"/>
                      <a:pt x="34" y="118"/>
                      <a:pt x="0" y="118"/>
                    </a:cubicBezTo>
                    <a:cubicBezTo>
                      <a:pt x="0" y="118"/>
                      <a:pt x="0" y="118"/>
                      <a:pt x="0" y="118"/>
                    </a:cubicBezTo>
                    <a:cubicBezTo>
                      <a:pt x="0" y="153"/>
                      <a:pt x="0" y="153"/>
                      <a:pt x="0" y="153"/>
                    </a:cubicBezTo>
                    <a:cubicBezTo>
                      <a:pt x="54" y="153"/>
                      <a:pt x="97" y="109"/>
                      <a:pt x="97" y="56"/>
                    </a:cubicBezTo>
                    <a:cubicBezTo>
                      <a:pt x="97" y="35"/>
                      <a:pt x="90" y="16"/>
                      <a:pt x="79" y="0"/>
                    </a:cubicBezTo>
                  </a:path>
                </a:pathLst>
              </a:custGeom>
              <a:solidFill>
                <a:srgbClr val="9B9B9C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9" name="TextBox 8"/>
            <p:cNvSpPr txBox="1"/>
            <p:nvPr/>
          </p:nvSpPr>
          <p:spPr>
            <a:xfrm>
              <a:off x="3943260" y="2341574"/>
              <a:ext cx="868680" cy="64008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36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80%</a:t>
              </a:r>
            </a:p>
          </p:txBody>
        </p:sp>
      </p:grpSp>
      <p:grpSp>
        <p:nvGrpSpPr>
          <p:cNvPr id="12" name="组合 11"/>
          <p:cNvGrpSpPr/>
          <p:nvPr/>
        </p:nvGrpSpPr>
        <p:grpSpPr>
          <a:xfrm>
            <a:off x="7549781" y="2116674"/>
            <a:ext cx="1955800" cy="1955800"/>
            <a:chOff x="6050833" y="1626840"/>
            <a:chExt cx="1955800" cy="1955800"/>
          </a:xfrm>
        </p:grpSpPr>
        <p:grpSp>
          <p:nvGrpSpPr>
            <p:cNvPr id="13" name="组合 12"/>
            <p:cNvGrpSpPr/>
            <p:nvPr/>
          </p:nvGrpSpPr>
          <p:grpSpPr>
            <a:xfrm>
              <a:off x="6050833" y="1626840"/>
              <a:ext cx="1955800" cy="1955800"/>
              <a:chOff x="6050833" y="1626840"/>
              <a:chExt cx="1955800" cy="1955800"/>
            </a:xfrm>
          </p:grpSpPr>
          <p:sp>
            <p:nvSpPr>
              <p:cNvPr id="15" name="Freeform 10"/>
              <p:cNvSpPr>
                <a:spLocks noEditPoints="1"/>
              </p:cNvSpPr>
              <p:nvPr/>
            </p:nvSpPr>
            <p:spPr bwMode="auto">
              <a:xfrm>
                <a:off x="7028733" y="2957165"/>
                <a:ext cx="815975" cy="625475"/>
              </a:xfrm>
              <a:custGeom>
                <a:gdLst>
                  <a:gd fmla="*/ 52 w 81" name="T0"/>
                  <a:gd fmla="*/ 1 h 62" name="T1"/>
                  <a:gd fmla="*/ 80 w 81" name="T2"/>
                  <a:gd fmla="*/ 19 h 62" name="T3"/>
                  <a:gd fmla="*/ 1 w 81" name="T4"/>
                  <a:gd fmla="*/ 61 h 62" name="T5"/>
                  <a:gd fmla="*/ 1 w 81" name="T6"/>
                  <a:gd fmla="*/ 28 h 62" name="T7"/>
                  <a:gd fmla="*/ 52 w 81" name="T8"/>
                  <a:gd fmla="*/ 1 h 62" name="T9"/>
                  <a:gd fmla="*/ 52 w 81" name="T10"/>
                  <a:gd fmla="*/ 0 h 62" name="T11"/>
                  <a:gd fmla="*/ 0 w 81" name="T12"/>
                  <a:gd fmla="*/ 27 h 62" name="T13"/>
                  <a:gd fmla="*/ 0 w 81" name="T14"/>
                  <a:gd fmla="*/ 27 h 62" name="T15"/>
                  <a:gd fmla="*/ 0 w 81" name="T16"/>
                  <a:gd fmla="*/ 62 h 62" name="T17"/>
                  <a:gd fmla="*/ 0 w 81" name="T18"/>
                  <a:gd fmla="*/ 62 h 62" name="T19"/>
                  <a:gd fmla="*/ 81 w 81" name="T20"/>
                  <a:gd fmla="*/ 19 h 62" name="T21"/>
                  <a:gd fmla="*/ 52 w 81" name="T22"/>
                  <a:gd fmla="*/ 0 h 62" name="T23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b="b" l="0" r="r" t="0"/>
                <a:pathLst>
                  <a:path h="62" w="81">
                    <a:moveTo>
                      <a:pt x="52" y="1"/>
                    </a:moveTo>
                    <a:cubicBezTo>
                      <a:pt x="80" y="19"/>
                      <a:pt x="80" y="19"/>
                      <a:pt x="80" y="19"/>
                    </a:cubicBezTo>
                    <a:cubicBezTo>
                      <a:pt x="62" y="45"/>
                      <a:pt x="33" y="61"/>
                      <a:pt x="1" y="61"/>
                    </a:cubicBezTo>
                    <a:cubicBezTo>
                      <a:pt x="1" y="28"/>
                      <a:pt x="1" y="28"/>
                      <a:pt x="1" y="28"/>
                    </a:cubicBezTo>
                    <a:cubicBezTo>
                      <a:pt x="21" y="28"/>
                      <a:pt x="40" y="18"/>
                      <a:pt x="52" y="1"/>
                    </a:cubicBezTo>
                    <a:moveTo>
                      <a:pt x="52" y="0"/>
                    </a:moveTo>
                    <a:cubicBezTo>
                      <a:pt x="41" y="16"/>
                      <a:pt x="22" y="27"/>
                      <a:pt x="0" y="27"/>
                    </a:cubicBezTo>
                    <a:cubicBezTo>
                      <a:pt x="0" y="27"/>
                      <a:pt x="0" y="27"/>
                      <a:pt x="0" y="27"/>
                    </a:cubicBezTo>
                    <a:cubicBezTo>
                      <a:pt x="0" y="62"/>
                      <a:pt x="0" y="62"/>
                      <a:pt x="0" y="62"/>
                    </a:cubicBezTo>
                    <a:cubicBezTo>
                      <a:pt x="0" y="62"/>
                      <a:pt x="0" y="62"/>
                      <a:pt x="0" y="62"/>
                    </a:cubicBezTo>
                    <a:cubicBezTo>
                      <a:pt x="34" y="62"/>
                      <a:pt x="63" y="45"/>
                      <a:pt x="81" y="19"/>
                    </a:cubicBezTo>
                    <a:lnTo>
                      <a:pt x="52" y="0"/>
                    </a:lnTo>
                    <a:close/>
                  </a:path>
                </a:pathLst>
              </a:custGeom>
              <a:solidFill>
                <a:srgbClr val="9B9B9C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6" name="Freeform 11"/>
              <p:cNvSpPr/>
              <p:nvPr/>
            </p:nvSpPr>
            <p:spPr bwMode="auto">
              <a:xfrm>
                <a:off x="6050833" y="1626840"/>
                <a:ext cx="1955800" cy="1955800"/>
              </a:xfrm>
              <a:custGeom>
                <a:gdLst>
                  <a:gd fmla="*/ 35 w 194" name="T0"/>
                  <a:gd fmla="*/ 97 h 194" name="T1"/>
                  <a:gd fmla="*/ 97 w 194" name="T2"/>
                  <a:gd fmla="*/ 35 h 194" name="T3"/>
                  <a:gd fmla="*/ 159 w 194" name="T4"/>
                  <a:gd fmla="*/ 97 h 194" name="T5"/>
                  <a:gd fmla="*/ 149 w 194" name="T6"/>
                  <a:gd fmla="*/ 132 h 194" name="T7"/>
                  <a:gd fmla="*/ 178 w 194" name="T8"/>
                  <a:gd fmla="*/ 151 h 194" name="T9"/>
                  <a:gd fmla="*/ 194 w 194" name="T10"/>
                  <a:gd fmla="*/ 97 h 194" name="T11"/>
                  <a:gd fmla="*/ 97 w 194" name="T12"/>
                  <a:gd fmla="*/ 0 h 194" name="T13"/>
                  <a:gd fmla="*/ 0 w 194" name="T14"/>
                  <a:gd fmla="*/ 97 h 194" name="T15"/>
                  <a:gd fmla="*/ 97 w 194" name="T16"/>
                  <a:gd fmla="*/ 194 h 194" name="T17"/>
                  <a:gd fmla="*/ 97 w 194" name="T18"/>
                  <a:gd fmla="*/ 159 h 194" name="T19"/>
                  <a:gd fmla="*/ 35 w 194" name="T20"/>
                  <a:gd fmla="*/ 97 h 194" name="T2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b="b" l="0" r="r" t="0"/>
                <a:pathLst>
                  <a:path h="194" w="194">
                    <a:moveTo>
                      <a:pt x="35" y="97"/>
                    </a:moveTo>
                    <a:cubicBezTo>
                      <a:pt x="35" y="63"/>
                      <a:pt x="63" y="35"/>
                      <a:pt x="97" y="35"/>
                    </a:cubicBezTo>
                    <a:cubicBezTo>
                      <a:pt x="131" y="35"/>
                      <a:pt x="159" y="63"/>
                      <a:pt x="159" y="97"/>
                    </a:cubicBezTo>
                    <a:cubicBezTo>
                      <a:pt x="159" y="110"/>
                      <a:pt x="155" y="122"/>
                      <a:pt x="149" y="132"/>
                    </a:cubicBezTo>
                    <a:cubicBezTo>
                      <a:pt x="178" y="151"/>
                      <a:pt x="178" y="151"/>
                      <a:pt x="178" y="151"/>
                    </a:cubicBezTo>
                    <a:cubicBezTo>
                      <a:pt x="188" y="135"/>
                      <a:pt x="194" y="117"/>
                      <a:pt x="194" y="97"/>
                    </a:cubicBezTo>
                    <a:cubicBezTo>
                      <a:pt x="194" y="44"/>
                      <a:pt x="151" y="0"/>
                      <a:pt x="97" y="0"/>
                    </a:cubicBezTo>
                    <a:cubicBezTo>
                      <a:pt x="44" y="0"/>
                      <a:pt x="0" y="44"/>
                      <a:pt x="0" y="97"/>
                    </a:cubicBezTo>
                    <a:cubicBezTo>
                      <a:pt x="0" y="150"/>
                      <a:pt x="44" y="194"/>
                      <a:pt x="97" y="194"/>
                    </a:cubicBezTo>
                    <a:cubicBezTo>
                      <a:pt x="97" y="159"/>
                      <a:pt x="97" y="159"/>
                      <a:pt x="97" y="159"/>
                    </a:cubicBezTo>
                    <a:cubicBezTo>
                      <a:pt x="63" y="159"/>
                      <a:pt x="35" y="131"/>
                      <a:pt x="35" y="97"/>
                    </a:cubicBezTo>
                  </a:path>
                </a:pathLst>
              </a:custGeom>
              <a:solidFill>
                <a:srgbClr val="729A95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14" name="TextBox 13"/>
            <p:cNvSpPr txBox="1"/>
            <p:nvPr/>
          </p:nvSpPr>
          <p:spPr>
            <a:xfrm>
              <a:off x="6536149" y="2341574"/>
              <a:ext cx="868680" cy="64008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36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90%</a:t>
              </a:r>
            </a:p>
          </p:txBody>
        </p:sp>
      </p:grpSp>
      <p:sp>
        <p:nvSpPr>
          <p:cNvPr id="17" name="矩形 16"/>
          <p:cNvSpPr/>
          <p:nvPr/>
        </p:nvSpPr>
        <p:spPr>
          <a:xfrm>
            <a:off x="2770403" y="4226771"/>
            <a:ext cx="1425188" cy="59944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ts val="2000"/>
              </a:lnSpc>
            </a:pPr>
            <a:r>
              <a:rPr altLang="en-US" kern="0" lang="zh-CN" sz="1400">
                <a:solidFill>
                  <a:schemeClr val="tx1">
                    <a:lumMod val="65000"/>
                    <a:lumOff val="35000"/>
                  </a:schemeClr>
                </a:solidFill>
                <a:latin charset="-122" pitchFamily="34" typeface="微软雅黑"/>
                <a:ea charset="-122" pitchFamily="34" typeface="微软雅黑"/>
              </a:rPr>
              <a:t>单击添加文字</a:t>
            </a:r>
          </a:p>
          <a:p>
            <a:pPr algn="ctr">
              <a:lnSpc>
                <a:spcPts val="2000"/>
              </a:lnSpc>
            </a:pPr>
            <a:r>
              <a:rPr altLang="en-US" kern="0" lang="zh-CN" sz="1400">
                <a:solidFill>
                  <a:schemeClr val="tx1">
                    <a:lumMod val="65000"/>
                    <a:lumOff val="35000"/>
                  </a:schemeClr>
                </a:solidFill>
                <a:latin charset="-122" pitchFamily="34" typeface="微软雅黑"/>
                <a:ea charset="-122" pitchFamily="34" typeface="微软雅黑"/>
              </a:rPr>
              <a:t>单击添加文字</a:t>
            </a:r>
          </a:p>
        </p:txBody>
      </p:sp>
      <p:sp>
        <p:nvSpPr>
          <p:cNvPr id="18" name="矩形 17"/>
          <p:cNvSpPr/>
          <p:nvPr/>
        </p:nvSpPr>
        <p:spPr>
          <a:xfrm>
            <a:off x="5187926" y="4226771"/>
            <a:ext cx="1425188" cy="59944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ts val="2000"/>
              </a:lnSpc>
            </a:pPr>
            <a:r>
              <a:rPr altLang="en-US" kern="0" lang="zh-CN" sz="1400">
                <a:solidFill>
                  <a:schemeClr val="tx1">
                    <a:lumMod val="65000"/>
                    <a:lumOff val="35000"/>
                  </a:schemeClr>
                </a:solidFill>
                <a:latin charset="-122" pitchFamily="34" typeface="微软雅黑"/>
                <a:ea charset="-122" pitchFamily="34" typeface="微软雅黑"/>
              </a:rPr>
              <a:t>单击添加文字</a:t>
            </a:r>
          </a:p>
          <a:p>
            <a:pPr algn="ctr">
              <a:lnSpc>
                <a:spcPts val="2000"/>
              </a:lnSpc>
            </a:pPr>
            <a:r>
              <a:rPr altLang="en-US" kern="0" lang="zh-CN" sz="1400">
                <a:solidFill>
                  <a:schemeClr val="tx1">
                    <a:lumMod val="65000"/>
                    <a:lumOff val="35000"/>
                  </a:schemeClr>
                </a:solidFill>
                <a:latin charset="-122" pitchFamily="34" typeface="微软雅黑"/>
                <a:ea charset="-122" pitchFamily="34" typeface="微软雅黑"/>
              </a:rPr>
              <a:t>单击添加文字</a:t>
            </a:r>
          </a:p>
        </p:txBody>
      </p:sp>
      <p:sp>
        <p:nvSpPr>
          <p:cNvPr id="19" name="矩形 18"/>
          <p:cNvSpPr/>
          <p:nvPr/>
        </p:nvSpPr>
        <p:spPr>
          <a:xfrm>
            <a:off x="7843445" y="4226771"/>
            <a:ext cx="1425188" cy="59944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ts val="2000"/>
              </a:lnSpc>
            </a:pPr>
            <a:r>
              <a:rPr altLang="en-US" kern="0" lang="zh-CN" sz="1400">
                <a:solidFill>
                  <a:schemeClr val="tx1">
                    <a:lumMod val="65000"/>
                    <a:lumOff val="35000"/>
                  </a:schemeClr>
                </a:solidFill>
                <a:latin charset="-122" pitchFamily="34" typeface="微软雅黑"/>
                <a:ea charset="-122" pitchFamily="34" typeface="微软雅黑"/>
              </a:rPr>
              <a:t>单击添加文字</a:t>
            </a:r>
          </a:p>
          <a:p>
            <a:pPr algn="ctr">
              <a:lnSpc>
                <a:spcPts val="2000"/>
              </a:lnSpc>
            </a:pPr>
            <a:r>
              <a:rPr altLang="en-US" kern="0" lang="zh-CN" sz="1400">
                <a:solidFill>
                  <a:schemeClr val="tx1">
                    <a:lumMod val="65000"/>
                    <a:lumOff val="35000"/>
                  </a:schemeClr>
                </a:solidFill>
                <a:latin charset="-122" pitchFamily="34" typeface="微软雅黑"/>
                <a:ea charset="-122" pitchFamily="34" typeface="微软雅黑"/>
              </a:rPr>
              <a:t>单击添加文字</a:t>
            </a:r>
          </a:p>
        </p:txBody>
      </p: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42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5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50" fill="hold" id="8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9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10" nodeType="withEffect" presetClass="entr" presetID="22" presetSubtype="1">
                                  <p:stCondLst>
                                    <p:cond delay="70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up)" transition="in">
                                      <p:cBhvr>
                                        <p:cTn dur="500" id="12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3" nodeType="withEffect" presetClass="entr" presetID="42" presetSubtype="0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dur="1" fill="hold" id="14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50" id="15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50" fill="hold" id="16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17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18" nodeType="withEffect" presetClass="entr" presetID="22" presetSubtype="1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dur="1" fill="hold" id="1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up)" transition="in">
                                      <p:cBhvr>
                                        <p:cTn dur="500" id="2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21" nodeType="withEffect" presetClass="entr" presetID="42" presetSubtype="0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dur="1" fill="hold" id="2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50" id="23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50" fill="hold" id="24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25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26" nodeType="withEffect" presetClass="entr" presetID="22" presetSubtype="1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dur="1" fill="hold" id="2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up)" transition="in">
                                      <p:cBhvr>
                                        <p:cTn dur="500" id="28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17"/>
      <p:bldP grpId="0" spid="18"/>
      <p:bldP grpId="0" spid="19"/>
    </p:bldLst>
  </p:timing>
</p:sld>
</file>

<file path=ppt/slides/slide13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422507" y="1911220"/>
            <a:ext cx="1927225" cy="1949449"/>
            <a:chOff x="960438" y="1612900"/>
            <a:chExt cx="1927225" cy="1949449"/>
          </a:xfrm>
        </p:grpSpPr>
        <p:grpSp>
          <p:nvGrpSpPr>
            <p:cNvPr id="3" name="Group 5"/>
            <p:cNvGrpSpPr>
              <a:grpSpLocks noChangeAspect="1"/>
            </p:cNvGrpSpPr>
            <p:nvPr/>
          </p:nvGrpSpPr>
          <p:grpSpPr>
            <a:xfrm>
              <a:off x="960438" y="1612900"/>
              <a:ext cx="1927225" cy="1949449"/>
              <a:chOff x="605" y="1016"/>
              <a:chExt cx="1214" cy="1228"/>
            </a:xfrm>
          </p:grpSpPr>
          <p:sp>
            <p:nvSpPr>
              <p:cNvPr id="5" name="AutoShape 4"/>
              <p:cNvSpPr>
                <a:spLocks noChangeArrowheads="1" noChangeAspect="1" noTextEdit="1"/>
              </p:cNvSpPr>
              <p:nvPr/>
            </p:nvSpPr>
            <p:spPr bwMode="auto">
              <a:xfrm>
                <a:off x="612" y="1023"/>
                <a:ext cx="1200" cy="1221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" name="Freeform 6"/>
              <p:cNvSpPr/>
              <p:nvPr/>
            </p:nvSpPr>
            <p:spPr bwMode="auto">
              <a:xfrm>
                <a:off x="605" y="1016"/>
                <a:ext cx="1214" cy="1221"/>
              </a:xfrm>
              <a:custGeom>
                <a:gdLst>
                  <a:gd fmla="*/ 88 w 176" name="T0"/>
                  <a:gd fmla="*/ 0 h 177" name="T1"/>
                  <a:gd fmla="*/ 0 w 176" name="T2"/>
                  <a:gd fmla="*/ 88 h 177" name="T3"/>
                  <a:gd fmla="*/ 88 w 176" name="T4"/>
                  <a:gd fmla="*/ 177 h 177" name="T5"/>
                  <a:gd fmla="*/ 176 w 176" name="T6"/>
                  <a:gd fmla="*/ 88 h 177" name="T7"/>
                  <a:gd fmla="*/ 176 w 176" name="T8"/>
                  <a:gd fmla="*/ 0 h 177" name="T9"/>
                  <a:gd fmla="*/ 88 w 176" name="T10"/>
                  <a:gd fmla="*/ 0 h 177" name="T1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b="b" l="0" r="r" t="0"/>
                <a:pathLst>
                  <a:path h="177" w="176">
                    <a:moveTo>
                      <a:pt x="88" y="0"/>
                    </a:moveTo>
                    <a:cubicBezTo>
                      <a:pt x="39" y="0"/>
                      <a:pt x="0" y="40"/>
                      <a:pt x="0" y="88"/>
                    </a:cubicBezTo>
                    <a:cubicBezTo>
                      <a:pt x="0" y="137"/>
                      <a:pt x="39" y="177"/>
                      <a:pt x="88" y="177"/>
                    </a:cubicBezTo>
                    <a:cubicBezTo>
                      <a:pt x="137" y="177"/>
                      <a:pt x="176" y="137"/>
                      <a:pt x="176" y="88"/>
                    </a:cubicBezTo>
                    <a:cubicBezTo>
                      <a:pt x="176" y="0"/>
                      <a:pt x="176" y="0"/>
                      <a:pt x="176" y="0"/>
                    </a:cubicBezTo>
                    <a:lnTo>
                      <a:pt x="88" y="0"/>
                    </a:lnTo>
                    <a:close/>
                  </a:path>
                </a:pathLst>
              </a:custGeom>
              <a:solidFill>
                <a:schemeClr val="bg1">
                  <a:lumMod val="50000"/>
                </a:schemeClr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" name="Freeform 17"/>
              <p:cNvSpPr/>
              <p:nvPr/>
            </p:nvSpPr>
            <p:spPr bwMode="auto">
              <a:xfrm>
                <a:off x="918" y="1361"/>
                <a:ext cx="207" cy="269"/>
              </a:xfrm>
              <a:custGeom>
                <a:gdLst>
                  <a:gd fmla="*/ 30 w 30" name="T0"/>
                  <a:gd fmla="*/ 25 h 39" name="T1"/>
                  <a:gd fmla="*/ 29 w 30" name="T2"/>
                  <a:gd fmla="*/ 31 h 39" name="T3"/>
                  <a:gd fmla="*/ 26 w 30" name="T4"/>
                  <a:gd fmla="*/ 35 h 39" name="T5"/>
                  <a:gd fmla="*/ 20 w 30" name="T6"/>
                  <a:gd fmla="*/ 38 h 39" name="T7"/>
                  <a:gd fmla="*/ 13 w 30" name="T8"/>
                  <a:gd fmla="*/ 39 h 39" name="T9"/>
                  <a:gd fmla="*/ 5 w 30" name="T10"/>
                  <a:gd fmla="*/ 38 h 39" name="T11"/>
                  <a:gd fmla="*/ 0 w 30" name="T12"/>
                  <a:gd fmla="*/ 37 h 39" name="T13"/>
                  <a:gd fmla="*/ 0 w 30" name="T14"/>
                  <a:gd fmla="*/ 28 h 39" name="T15"/>
                  <a:gd fmla="*/ 1 w 30" name="T16"/>
                  <a:gd fmla="*/ 28 h 39" name="T17"/>
                  <a:gd fmla="*/ 6 w 30" name="T18"/>
                  <a:gd fmla="*/ 31 h 39" name="T19"/>
                  <a:gd fmla="*/ 12 w 30" name="T20"/>
                  <a:gd fmla="*/ 32 h 39" name="T21"/>
                  <a:gd fmla="*/ 15 w 30" name="T22"/>
                  <a:gd fmla="*/ 31 h 39" name="T23"/>
                  <a:gd fmla="*/ 18 w 30" name="T24"/>
                  <a:gd fmla="*/ 30 h 39" name="T25"/>
                  <a:gd fmla="*/ 20 w 30" name="T26"/>
                  <a:gd fmla="*/ 28 h 39" name="T27"/>
                  <a:gd fmla="*/ 20 w 30" name="T28"/>
                  <a:gd fmla="*/ 26 h 39" name="T29"/>
                  <a:gd fmla="*/ 19 w 30" name="T30"/>
                  <a:gd fmla="*/ 23 h 39" name="T31"/>
                  <a:gd fmla="*/ 18 w 30" name="T32"/>
                  <a:gd fmla="*/ 22 h 39" name="T33"/>
                  <a:gd fmla="*/ 14 w 30" name="T34"/>
                  <a:gd fmla="*/ 21 h 39" name="T35"/>
                  <a:gd fmla="*/ 11 w 30" name="T36"/>
                  <a:gd fmla="*/ 20 h 39" name="T37"/>
                  <a:gd fmla="*/ 6 w 30" name="T38"/>
                  <a:gd fmla="*/ 21 h 39" name="T39"/>
                  <a:gd fmla="*/ 3 w 30" name="T40"/>
                  <a:gd fmla="*/ 22 h 39" name="T41"/>
                  <a:gd fmla="*/ 1 w 30" name="T42"/>
                  <a:gd fmla="*/ 22 h 39" name="T43"/>
                  <a:gd fmla="*/ 1 w 30" name="T44"/>
                  <a:gd fmla="*/ 0 h 39" name="T45"/>
                  <a:gd fmla="*/ 29 w 30" name="T46"/>
                  <a:gd fmla="*/ 0 h 39" name="T47"/>
                  <a:gd fmla="*/ 29 w 30" name="T48"/>
                  <a:gd fmla="*/ 7 h 39" name="T49"/>
                  <a:gd fmla="*/ 11 w 30" name="T50"/>
                  <a:gd fmla="*/ 7 h 39" name="T51"/>
                  <a:gd fmla="*/ 11 w 30" name="T52"/>
                  <a:gd fmla="*/ 13 h 39" name="T53"/>
                  <a:gd fmla="*/ 13 w 30" name="T54"/>
                  <a:gd fmla="*/ 13 h 39" name="T55"/>
                  <a:gd fmla="*/ 15 w 30" name="T56"/>
                  <a:gd fmla="*/ 13 h 39" name="T57"/>
                  <a:gd fmla="*/ 21 w 30" name="T58"/>
                  <a:gd fmla="*/ 14 h 39" name="T59"/>
                  <a:gd fmla="*/ 25 w 30" name="T60"/>
                  <a:gd fmla="*/ 16 h 39" name="T61"/>
                  <a:gd fmla="*/ 29 w 30" name="T62"/>
                  <a:gd fmla="*/ 19 h 39" name="T63"/>
                  <a:gd fmla="*/ 30 w 30" name="T64"/>
                  <a:gd fmla="*/ 25 h 39" name="T65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b="b" l="0" r="r" t="0"/>
                <a:pathLst>
                  <a:path h="39" w="30">
                    <a:moveTo>
                      <a:pt x="30" y="25"/>
                    </a:moveTo>
                    <a:cubicBezTo>
                      <a:pt x="30" y="27"/>
                      <a:pt x="30" y="29"/>
                      <a:pt x="29" y="31"/>
                    </a:cubicBezTo>
                    <a:cubicBezTo>
                      <a:pt x="28" y="33"/>
                      <a:pt x="27" y="34"/>
                      <a:pt x="26" y="35"/>
                    </a:cubicBezTo>
                    <a:cubicBezTo>
                      <a:pt x="24" y="37"/>
                      <a:pt x="22" y="38"/>
                      <a:pt x="20" y="38"/>
                    </a:cubicBezTo>
                    <a:cubicBezTo>
                      <a:pt x="18" y="39"/>
                      <a:pt x="16" y="39"/>
                      <a:pt x="13" y="39"/>
                    </a:cubicBezTo>
                    <a:cubicBezTo>
                      <a:pt x="10" y="39"/>
                      <a:pt x="7" y="39"/>
                      <a:pt x="5" y="38"/>
                    </a:cubicBezTo>
                    <a:cubicBezTo>
                      <a:pt x="3" y="38"/>
                      <a:pt x="1" y="37"/>
                      <a:pt x="0" y="37"/>
                    </a:cubicBezTo>
                    <a:cubicBezTo>
                      <a:pt x="0" y="28"/>
                      <a:pt x="0" y="28"/>
                      <a:pt x="0" y="28"/>
                    </a:cubicBezTo>
                    <a:cubicBezTo>
                      <a:pt x="1" y="28"/>
                      <a:pt x="1" y="28"/>
                      <a:pt x="1" y="28"/>
                    </a:cubicBezTo>
                    <a:cubicBezTo>
                      <a:pt x="3" y="29"/>
                      <a:pt x="4" y="30"/>
                      <a:pt x="6" y="31"/>
                    </a:cubicBezTo>
                    <a:cubicBezTo>
                      <a:pt x="8" y="31"/>
                      <a:pt x="10" y="32"/>
                      <a:pt x="12" y="32"/>
                    </a:cubicBezTo>
                    <a:cubicBezTo>
                      <a:pt x="13" y="32"/>
                      <a:pt x="14" y="31"/>
                      <a:pt x="15" y="31"/>
                    </a:cubicBezTo>
                    <a:cubicBezTo>
                      <a:pt x="16" y="31"/>
                      <a:pt x="17" y="31"/>
                      <a:pt x="18" y="30"/>
                    </a:cubicBezTo>
                    <a:cubicBezTo>
                      <a:pt x="19" y="29"/>
                      <a:pt x="19" y="29"/>
                      <a:pt x="20" y="28"/>
                    </a:cubicBezTo>
                    <a:cubicBezTo>
                      <a:pt x="20" y="28"/>
                      <a:pt x="20" y="27"/>
                      <a:pt x="20" y="26"/>
                    </a:cubicBezTo>
                    <a:cubicBezTo>
                      <a:pt x="20" y="25"/>
                      <a:pt x="20" y="24"/>
                      <a:pt x="19" y="23"/>
                    </a:cubicBezTo>
                    <a:cubicBezTo>
                      <a:pt x="19" y="23"/>
                      <a:pt x="18" y="22"/>
                      <a:pt x="18" y="22"/>
                    </a:cubicBezTo>
                    <a:cubicBezTo>
                      <a:pt x="17" y="21"/>
                      <a:pt x="16" y="21"/>
                      <a:pt x="14" y="21"/>
                    </a:cubicBezTo>
                    <a:cubicBezTo>
                      <a:pt x="13" y="20"/>
                      <a:pt x="12" y="20"/>
                      <a:pt x="11" y="20"/>
                    </a:cubicBezTo>
                    <a:cubicBezTo>
                      <a:pt x="9" y="20"/>
                      <a:pt x="8" y="20"/>
                      <a:pt x="6" y="21"/>
                    </a:cubicBezTo>
                    <a:cubicBezTo>
                      <a:pt x="5" y="21"/>
                      <a:pt x="4" y="21"/>
                      <a:pt x="3" y="22"/>
                    </a:cubicBezTo>
                    <a:cubicBezTo>
                      <a:pt x="1" y="22"/>
                      <a:pt x="1" y="22"/>
                      <a:pt x="1" y="22"/>
                    </a:cubicBezTo>
                    <a:cubicBezTo>
                      <a:pt x="1" y="0"/>
                      <a:pt x="1" y="0"/>
                      <a:pt x="1" y="0"/>
                    </a:cubicBezTo>
                    <a:cubicBezTo>
                      <a:pt x="29" y="0"/>
                      <a:pt x="29" y="0"/>
                      <a:pt x="29" y="0"/>
                    </a:cubicBezTo>
                    <a:cubicBezTo>
                      <a:pt x="29" y="7"/>
                      <a:pt x="29" y="7"/>
                      <a:pt x="29" y="7"/>
                    </a:cubicBezTo>
                    <a:cubicBezTo>
                      <a:pt x="11" y="7"/>
                      <a:pt x="11" y="7"/>
                      <a:pt x="11" y="7"/>
                    </a:cubicBezTo>
                    <a:cubicBezTo>
                      <a:pt x="11" y="13"/>
                      <a:pt x="11" y="13"/>
                      <a:pt x="11" y="13"/>
                    </a:cubicBezTo>
                    <a:cubicBezTo>
                      <a:pt x="11" y="13"/>
                      <a:pt x="12" y="13"/>
                      <a:pt x="13" y="13"/>
                    </a:cubicBezTo>
                    <a:cubicBezTo>
                      <a:pt x="14" y="13"/>
                      <a:pt x="14" y="13"/>
                      <a:pt x="15" y="13"/>
                    </a:cubicBezTo>
                    <a:cubicBezTo>
                      <a:pt x="17" y="13"/>
                      <a:pt x="19" y="14"/>
                      <a:pt x="21" y="14"/>
                    </a:cubicBezTo>
                    <a:cubicBezTo>
                      <a:pt x="22" y="14"/>
                      <a:pt x="24" y="15"/>
                      <a:pt x="25" y="16"/>
                    </a:cubicBezTo>
                    <a:cubicBezTo>
                      <a:pt x="27" y="17"/>
                      <a:pt x="28" y="18"/>
                      <a:pt x="29" y="19"/>
                    </a:cubicBezTo>
                    <a:cubicBezTo>
                      <a:pt x="30" y="21"/>
                      <a:pt x="30" y="23"/>
                      <a:pt x="30" y="25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" name="Freeform 18"/>
              <p:cNvSpPr>
                <a:spLocks noEditPoints="1"/>
              </p:cNvSpPr>
              <p:nvPr/>
            </p:nvSpPr>
            <p:spPr bwMode="auto">
              <a:xfrm>
                <a:off x="1173" y="1354"/>
                <a:ext cx="421" cy="276"/>
              </a:xfrm>
              <a:custGeom>
                <a:gdLst>
                  <a:gd fmla="*/ 24 w 61" name="T0"/>
                  <a:gd fmla="*/ 13 h 40" name="T1"/>
                  <a:gd fmla="*/ 21 w 61" name="T2"/>
                  <a:gd fmla="*/ 22 h 40" name="T3"/>
                  <a:gd fmla="*/ 12 w 61" name="T4"/>
                  <a:gd fmla="*/ 25 h 40" name="T5"/>
                  <a:gd fmla="*/ 3 w 61" name="T6"/>
                  <a:gd fmla="*/ 22 h 40" name="T7"/>
                  <a:gd fmla="*/ 0 w 61" name="T8"/>
                  <a:gd fmla="*/ 13 h 40" name="T9"/>
                  <a:gd fmla="*/ 3 w 61" name="T10"/>
                  <a:gd fmla="*/ 3 h 40" name="T11"/>
                  <a:gd fmla="*/ 12 w 61" name="T12"/>
                  <a:gd fmla="*/ 0 h 40" name="T13"/>
                  <a:gd fmla="*/ 21 w 61" name="T14"/>
                  <a:gd fmla="*/ 3 h 40" name="T15"/>
                  <a:gd fmla="*/ 24 w 61" name="T16"/>
                  <a:gd fmla="*/ 13 h 40" name="T17"/>
                  <a:gd fmla="*/ 16 w 61" name="T18"/>
                  <a:gd fmla="*/ 13 h 40" name="T19"/>
                  <a:gd fmla="*/ 15 w 61" name="T20"/>
                  <a:gd fmla="*/ 7 h 40" name="T21"/>
                  <a:gd fmla="*/ 12 w 61" name="T22"/>
                  <a:gd fmla="*/ 5 h 40" name="T23"/>
                  <a:gd fmla="*/ 9 w 61" name="T24"/>
                  <a:gd fmla="*/ 7 h 40" name="T25"/>
                  <a:gd fmla="*/ 8 w 61" name="T26"/>
                  <a:gd fmla="*/ 13 h 40" name="T27"/>
                  <a:gd fmla="*/ 9 w 61" name="T28"/>
                  <a:gd fmla="*/ 18 h 40" name="T29"/>
                  <a:gd fmla="*/ 12 w 61" name="T30"/>
                  <a:gd fmla="*/ 20 h 40" name="T31"/>
                  <a:gd fmla="*/ 15 w 61" name="T32"/>
                  <a:gd fmla="*/ 18 h 40" name="T33"/>
                  <a:gd fmla="*/ 16 w 61" name="T34"/>
                  <a:gd fmla="*/ 13 h 40" name="T35"/>
                  <a:gd fmla="*/ 44 w 61" name="T36"/>
                  <a:gd fmla="*/ 1 h 40" name="T37"/>
                  <a:gd fmla="*/ 24 w 61" name="T38"/>
                  <a:gd fmla="*/ 39 h 40" name="T39"/>
                  <a:gd fmla="*/ 17 w 61" name="T40"/>
                  <a:gd fmla="*/ 39 h 40" name="T41"/>
                  <a:gd fmla="*/ 37 w 61" name="T42"/>
                  <a:gd fmla="*/ 1 h 40" name="T43"/>
                  <a:gd fmla="*/ 44 w 61" name="T44"/>
                  <a:gd fmla="*/ 1 h 40" name="T45"/>
                  <a:gd fmla="*/ 61 w 61" name="T46"/>
                  <a:gd fmla="*/ 28 h 40" name="T47"/>
                  <a:gd fmla="*/ 58 w 61" name="T48"/>
                  <a:gd fmla="*/ 37 h 40" name="T49"/>
                  <a:gd fmla="*/ 49 w 61" name="T50"/>
                  <a:gd fmla="*/ 40 h 40" name="T51"/>
                  <a:gd fmla="*/ 40 w 61" name="T52"/>
                  <a:gd fmla="*/ 37 h 40" name="T53"/>
                  <a:gd fmla="*/ 37 w 61" name="T54"/>
                  <a:gd fmla="*/ 28 h 40" name="T55"/>
                  <a:gd fmla="*/ 40 w 61" name="T56"/>
                  <a:gd fmla="*/ 18 h 40" name="T57"/>
                  <a:gd fmla="*/ 49 w 61" name="T58"/>
                  <a:gd fmla="*/ 15 h 40" name="T59"/>
                  <a:gd fmla="*/ 58 w 61" name="T60"/>
                  <a:gd fmla="*/ 18 h 40" name="T61"/>
                  <a:gd fmla="*/ 61 w 61" name="T62"/>
                  <a:gd fmla="*/ 28 h 40" name="T63"/>
                  <a:gd fmla="*/ 53 w 61" name="T64"/>
                  <a:gd fmla="*/ 28 h 40" name="T65"/>
                  <a:gd fmla="*/ 52 w 61" name="T66"/>
                  <a:gd fmla="*/ 22 h 40" name="T67"/>
                  <a:gd fmla="*/ 49 w 61" name="T68"/>
                  <a:gd fmla="*/ 21 h 40" name="T69"/>
                  <a:gd fmla="*/ 46 w 61" name="T70"/>
                  <a:gd fmla="*/ 22 h 40" name="T71"/>
                  <a:gd fmla="*/ 45 w 61" name="T72"/>
                  <a:gd fmla="*/ 28 h 40" name="T73"/>
                  <a:gd fmla="*/ 46 w 61" name="T74"/>
                  <a:gd fmla="*/ 33 h 40" name="T75"/>
                  <a:gd fmla="*/ 49 w 61" name="T76"/>
                  <a:gd fmla="*/ 35 h 40" name="T77"/>
                  <a:gd fmla="*/ 52 w 61" name="T78"/>
                  <a:gd fmla="*/ 33 h 40" name="T79"/>
                  <a:gd fmla="*/ 53 w 61" name="T80"/>
                  <a:gd fmla="*/ 28 h 40" name="T8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</a:cxnLst>
                <a:rect b="b" l="0" r="r" t="0"/>
                <a:pathLst>
                  <a:path h="40" w="61">
                    <a:moveTo>
                      <a:pt x="24" y="13"/>
                    </a:moveTo>
                    <a:cubicBezTo>
                      <a:pt x="24" y="17"/>
                      <a:pt x="23" y="20"/>
                      <a:pt x="21" y="22"/>
                    </a:cubicBezTo>
                    <a:cubicBezTo>
                      <a:pt x="19" y="24"/>
                      <a:pt x="16" y="25"/>
                      <a:pt x="12" y="25"/>
                    </a:cubicBezTo>
                    <a:cubicBezTo>
                      <a:pt x="8" y="25"/>
                      <a:pt x="5" y="24"/>
                      <a:pt x="3" y="22"/>
                    </a:cubicBezTo>
                    <a:cubicBezTo>
                      <a:pt x="1" y="20"/>
                      <a:pt x="0" y="17"/>
                      <a:pt x="0" y="13"/>
                    </a:cubicBezTo>
                    <a:cubicBezTo>
                      <a:pt x="0" y="8"/>
                      <a:pt x="1" y="5"/>
                      <a:pt x="3" y="3"/>
                    </a:cubicBezTo>
                    <a:cubicBezTo>
                      <a:pt x="5" y="1"/>
                      <a:pt x="8" y="0"/>
                      <a:pt x="12" y="0"/>
                    </a:cubicBezTo>
                    <a:cubicBezTo>
                      <a:pt x="16" y="0"/>
                      <a:pt x="19" y="1"/>
                      <a:pt x="21" y="3"/>
                    </a:cubicBezTo>
                    <a:cubicBezTo>
                      <a:pt x="23" y="5"/>
                      <a:pt x="24" y="8"/>
                      <a:pt x="24" y="13"/>
                    </a:cubicBezTo>
                    <a:moveTo>
                      <a:pt x="16" y="13"/>
                    </a:moveTo>
                    <a:cubicBezTo>
                      <a:pt x="16" y="10"/>
                      <a:pt x="16" y="8"/>
                      <a:pt x="15" y="7"/>
                    </a:cubicBezTo>
                    <a:cubicBezTo>
                      <a:pt x="15" y="6"/>
                      <a:pt x="14" y="5"/>
                      <a:pt x="12" y="5"/>
                    </a:cubicBezTo>
                    <a:cubicBezTo>
                      <a:pt x="11" y="5"/>
                      <a:pt x="10" y="6"/>
                      <a:pt x="9" y="7"/>
                    </a:cubicBezTo>
                    <a:cubicBezTo>
                      <a:pt x="8" y="8"/>
                      <a:pt x="8" y="10"/>
                      <a:pt x="8" y="13"/>
                    </a:cubicBezTo>
                    <a:cubicBezTo>
                      <a:pt x="8" y="15"/>
                      <a:pt x="8" y="17"/>
                      <a:pt x="9" y="18"/>
                    </a:cubicBezTo>
                    <a:cubicBezTo>
                      <a:pt x="10" y="19"/>
                      <a:pt x="11" y="20"/>
                      <a:pt x="12" y="20"/>
                    </a:cubicBezTo>
                    <a:cubicBezTo>
                      <a:pt x="14" y="20"/>
                      <a:pt x="15" y="19"/>
                      <a:pt x="15" y="18"/>
                    </a:cubicBezTo>
                    <a:cubicBezTo>
                      <a:pt x="16" y="17"/>
                      <a:pt x="16" y="15"/>
                      <a:pt x="16" y="13"/>
                    </a:cubicBezTo>
                    <a:moveTo>
                      <a:pt x="44" y="1"/>
                    </a:moveTo>
                    <a:cubicBezTo>
                      <a:pt x="24" y="39"/>
                      <a:pt x="24" y="39"/>
                      <a:pt x="24" y="39"/>
                    </a:cubicBezTo>
                    <a:cubicBezTo>
                      <a:pt x="17" y="39"/>
                      <a:pt x="17" y="39"/>
                      <a:pt x="17" y="39"/>
                    </a:cubicBezTo>
                    <a:cubicBezTo>
                      <a:pt x="37" y="1"/>
                      <a:pt x="37" y="1"/>
                      <a:pt x="37" y="1"/>
                    </a:cubicBezTo>
                    <a:lnTo>
                      <a:pt x="44" y="1"/>
                    </a:lnTo>
                    <a:close/>
                    <a:moveTo>
                      <a:pt x="61" y="28"/>
                    </a:moveTo>
                    <a:cubicBezTo>
                      <a:pt x="61" y="32"/>
                      <a:pt x="60" y="35"/>
                      <a:pt x="58" y="37"/>
                    </a:cubicBezTo>
                    <a:cubicBezTo>
                      <a:pt x="56" y="39"/>
                      <a:pt x="53" y="40"/>
                      <a:pt x="49" y="40"/>
                    </a:cubicBezTo>
                    <a:cubicBezTo>
                      <a:pt x="45" y="40"/>
                      <a:pt x="42" y="39"/>
                      <a:pt x="40" y="37"/>
                    </a:cubicBezTo>
                    <a:cubicBezTo>
                      <a:pt x="38" y="35"/>
                      <a:pt x="37" y="32"/>
                      <a:pt x="37" y="28"/>
                    </a:cubicBezTo>
                    <a:cubicBezTo>
                      <a:pt x="37" y="23"/>
                      <a:pt x="38" y="20"/>
                      <a:pt x="40" y="18"/>
                    </a:cubicBezTo>
                    <a:cubicBezTo>
                      <a:pt x="42" y="16"/>
                      <a:pt x="45" y="15"/>
                      <a:pt x="49" y="15"/>
                    </a:cubicBezTo>
                    <a:cubicBezTo>
                      <a:pt x="53" y="15"/>
                      <a:pt x="56" y="16"/>
                      <a:pt x="58" y="18"/>
                    </a:cubicBezTo>
                    <a:cubicBezTo>
                      <a:pt x="60" y="20"/>
                      <a:pt x="61" y="23"/>
                      <a:pt x="61" y="28"/>
                    </a:cubicBezTo>
                    <a:moveTo>
                      <a:pt x="53" y="28"/>
                    </a:moveTo>
                    <a:cubicBezTo>
                      <a:pt x="53" y="25"/>
                      <a:pt x="53" y="23"/>
                      <a:pt x="52" y="22"/>
                    </a:cubicBezTo>
                    <a:cubicBezTo>
                      <a:pt x="51" y="21"/>
                      <a:pt x="50" y="21"/>
                      <a:pt x="49" y="21"/>
                    </a:cubicBezTo>
                    <a:cubicBezTo>
                      <a:pt x="47" y="21"/>
                      <a:pt x="46" y="21"/>
                      <a:pt x="46" y="22"/>
                    </a:cubicBezTo>
                    <a:cubicBezTo>
                      <a:pt x="45" y="23"/>
                      <a:pt x="45" y="25"/>
                      <a:pt x="45" y="28"/>
                    </a:cubicBezTo>
                    <a:cubicBezTo>
                      <a:pt x="45" y="30"/>
                      <a:pt x="45" y="32"/>
                      <a:pt x="46" y="33"/>
                    </a:cubicBezTo>
                    <a:cubicBezTo>
                      <a:pt x="46" y="34"/>
                      <a:pt x="47" y="35"/>
                      <a:pt x="49" y="35"/>
                    </a:cubicBezTo>
                    <a:cubicBezTo>
                      <a:pt x="50" y="35"/>
                      <a:pt x="51" y="34"/>
                      <a:pt x="52" y="33"/>
                    </a:cubicBezTo>
                    <a:cubicBezTo>
                      <a:pt x="53" y="32"/>
                      <a:pt x="53" y="30"/>
                      <a:pt x="53" y="28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4" name="矩形 3"/>
            <p:cNvSpPr/>
            <p:nvPr/>
          </p:nvSpPr>
          <p:spPr>
            <a:xfrm>
              <a:off x="1287391" y="2758683"/>
              <a:ext cx="1402080" cy="34544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>
                <a:lnSpc>
                  <a:spcPts val="2000"/>
                </a:lnSpc>
              </a:pPr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添加文字</a:t>
              </a:r>
            </a:p>
          </p:txBody>
        </p:sp>
      </p:grpSp>
      <p:sp>
        <p:nvSpPr>
          <p:cNvPr id="9" name="矩形 8"/>
          <p:cNvSpPr>
            <a:spLocks noChangeArrowheads="1"/>
          </p:cNvSpPr>
          <p:nvPr/>
        </p:nvSpPr>
        <p:spPr bwMode="auto">
          <a:xfrm>
            <a:off x="4662600" y="1920654"/>
            <a:ext cx="4969152" cy="16154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>
                <a:solidFill>
                  <a:srgbClr val="FFFFFF"/>
                </a:solidFill>
              </a14:hiddenFill>
            </a:ext>
            <a:ext uri="{91240B29-F687-4F45-9708-019B960494DF}">
              <a14:hiddenLine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85000"/>
                    <a:lumOff val="15000"/>
                  </a:schemeClr>
                </a:solidFill>
                <a:latin typeface="Arial"/>
              </a:rPr>
              <a:t>RAPIDPPT, the leader of professional PPT designer in China. 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85000"/>
                    <a:lumOff val="15000"/>
                  </a:schemeClr>
                </a:solidFill>
                <a:latin typeface="Arial"/>
              </a:rPr>
              <a:t>5years of making professional PPT,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85000"/>
                    <a:lumOff val="15000"/>
                  </a:schemeClr>
                </a:solidFill>
                <a:latin typeface="Arial"/>
              </a:rPr>
              <a:t>classical PPT, 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85000"/>
                    <a:lumOff val="15000"/>
                  </a:schemeClr>
                </a:solidFill>
                <a:latin typeface="Arial"/>
              </a:rPr>
              <a:t>make sure you will be satisfied. ……RAPIDPPT 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85000"/>
                    <a:lumOff val="15000"/>
                  </a:schemeClr>
                </a:solidFill>
                <a:latin typeface="Arial"/>
              </a:rPr>
              <a:t>differs from the traditional production model, and create a new PPT experience.</a:t>
            </a:r>
          </a:p>
        </p:txBody>
      </p:sp>
      <p:grpSp>
        <p:nvGrpSpPr>
          <p:cNvPr id="10" name="组合 9"/>
          <p:cNvGrpSpPr/>
          <p:nvPr/>
        </p:nvGrpSpPr>
        <p:grpSpPr>
          <a:xfrm>
            <a:off x="4751761" y="4053474"/>
            <a:ext cx="2455863" cy="700088"/>
            <a:chOff x="3089275" y="3603625"/>
            <a:chExt cx="2455863" cy="700088"/>
          </a:xfrm>
        </p:grpSpPr>
        <p:grpSp>
          <p:nvGrpSpPr>
            <p:cNvPr id="11" name="Group 22"/>
            <p:cNvGrpSpPr>
              <a:grpSpLocks noChangeAspect="1"/>
            </p:cNvGrpSpPr>
            <p:nvPr/>
          </p:nvGrpSpPr>
          <p:grpSpPr>
            <a:xfrm>
              <a:off x="3089275" y="3603625"/>
              <a:ext cx="2455863" cy="700088"/>
              <a:chOff x="1946" y="2270"/>
              <a:chExt cx="1547" cy="441"/>
            </a:xfrm>
          </p:grpSpPr>
          <p:sp>
            <p:nvSpPr>
              <p:cNvPr id="15" name="AutoShape 21"/>
              <p:cNvSpPr>
                <a:spLocks noChangeArrowheads="1" noChangeAspect="1" noTextEdit="1"/>
              </p:cNvSpPr>
              <p:nvPr/>
            </p:nvSpPr>
            <p:spPr bwMode="auto">
              <a:xfrm>
                <a:off x="1948" y="2272"/>
                <a:ext cx="1545" cy="439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6" name="Freeform 23"/>
              <p:cNvSpPr/>
              <p:nvPr/>
            </p:nvSpPr>
            <p:spPr bwMode="auto">
              <a:xfrm>
                <a:off x="1946" y="2291"/>
                <a:ext cx="415" cy="418"/>
              </a:xfrm>
              <a:custGeom>
                <a:gdLst>
                  <a:gd fmla="*/ 88 w 176" name="T0"/>
                  <a:gd fmla="*/ 0 h 177" name="T1"/>
                  <a:gd fmla="*/ 0 w 176" name="T2"/>
                  <a:gd fmla="*/ 88 h 177" name="T3"/>
                  <a:gd fmla="*/ 88 w 176" name="T4"/>
                  <a:gd fmla="*/ 177 h 177" name="T5"/>
                  <a:gd fmla="*/ 176 w 176" name="T6"/>
                  <a:gd fmla="*/ 88 h 177" name="T7"/>
                  <a:gd fmla="*/ 176 w 176" name="T8"/>
                  <a:gd fmla="*/ 0 h 177" name="T9"/>
                  <a:gd fmla="*/ 88 w 176" name="T10"/>
                  <a:gd fmla="*/ 0 h 177" name="T1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b="b" l="0" r="r" t="0"/>
                <a:pathLst>
                  <a:path h="177" w="176">
                    <a:moveTo>
                      <a:pt x="88" y="0"/>
                    </a:moveTo>
                    <a:cubicBezTo>
                      <a:pt x="39" y="0"/>
                      <a:pt x="0" y="40"/>
                      <a:pt x="0" y="88"/>
                    </a:cubicBezTo>
                    <a:cubicBezTo>
                      <a:pt x="0" y="137"/>
                      <a:pt x="39" y="177"/>
                      <a:pt x="88" y="177"/>
                    </a:cubicBezTo>
                    <a:cubicBezTo>
                      <a:pt x="137" y="177"/>
                      <a:pt x="176" y="137"/>
                      <a:pt x="176" y="88"/>
                    </a:cubicBezTo>
                    <a:cubicBezTo>
                      <a:pt x="176" y="0"/>
                      <a:pt x="176" y="0"/>
                      <a:pt x="176" y="0"/>
                    </a:cubicBezTo>
                    <a:lnTo>
                      <a:pt x="88" y="0"/>
                    </a:lnTo>
                    <a:close/>
                  </a:path>
                </a:pathLst>
              </a:custGeom>
              <a:solidFill>
                <a:srgbClr val="CABD6C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7" name="Freeform 34"/>
              <p:cNvSpPr/>
              <p:nvPr/>
            </p:nvSpPr>
            <p:spPr bwMode="auto">
              <a:xfrm>
                <a:off x="2035" y="2409"/>
                <a:ext cx="55" cy="80"/>
              </a:xfrm>
              <a:custGeom>
                <a:gdLst>
                  <a:gd fmla="*/ 23 w 23" name="T0"/>
                  <a:gd fmla="*/ 34 h 34" name="T1"/>
                  <a:gd fmla="*/ 0 w 23" name="T2"/>
                  <a:gd fmla="*/ 34 h 34" name="T3"/>
                  <a:gd fmla="*/ 0 w 23" name="T4"/>
                  <a:gd fmla="*/ 28 h 34" name="T5"/>
                  <a:gd fmla="*/ 7 w 23" name="T6"/>
                  <a:gd fmla="*/ 28 h 34" name="T7"/>
                  <a:gd fmla="*/ 7 w 23" name="T8"/>
                  <a:gd fmla="*/ 10 h 34" name="T9"/>
                  <a:gd fmla="*/ 0 w 23" name="T10"/>
                  <a:gd fmla="*/ 10 h 34" name="T11"/>
                  <a:gd fmla="*/ 0 w 23" name="T12"/>
                  <a:gd fmla="*/ 5 h 34" name="T13"/>
                  <a:gd fmla="*/ 3 w 23" name="T14"/>
                  <a:gd fmla="*/ 5 h 34" name="T15"/>
                  <a:gd fmla="*/ 6 w 23" name="T16"/>
                  <a:gd fmla="*/ 4 h 34" name="T17"/>
                  <a:gd fmla="*/ 8 w 23" name="T18"/>
                  <a:gd fmla="*/ 3 h 34" name="T19"/>
                  <a:gd fmla="*/ 8 w 23" name="T20"/>
                  <a:gd fmla="*/ 0 h 34" name="T21"/>
                  <a:gd fmla="*/ 16 w 23" name="T22"/>
                  <a:gd fmla="*/ 0 h 34" name="T23"/>
                  <a:gd fmla="*/ 16 w 23" name="T24"/>
                  <a:gd fmla="*/ 28 h 34" name="T25"/>
                  <a:gd fmla="*/ 23 w 23" name="T26"/>
                  <a:gd fmla="*/ 28 h 34" name="T27"/>
                  <a:gd fmla="*/ 23 w 23" name="T28"/>
                  <a:gd fmla="*/ 34 h 34" name="T29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</a:cxnLst>
                <a:rect b="b" l="0" r="r" t="0"/>
                <a:pathLst>
                  <a:path h="34" w="23">
                    <a:moveTo>
                      <a:pt x="23" y="34"/>
                    </a:moveTo>
                    <a:cubicBezTo>
                      <a:pt x="0" y="34"/>
                      <a:pt x="0" y="34"/>
                      <a:pt x="0" y="34"/>
                    </a:cubicBezTo>
                    <a:cubicBezTo>
                      <a:pt x="0" y="28"/>
                      <a:pt x="0" y="28"/>
                      <a:pt x="0" y="28"/>
                    </a:cubicBezTo>
                    <a:cubicBezTo>
                      <a:pt x="7" y="28"/>
                      <a:pt x="7" y="28"/>
                      <a:pt x="7" y="28"/>
                    </a:cubicBezTo>
                    <a:cubicBezTo>
                      <a:pt x="7" y="10"/>
                      <a:pt x="7" y="10"/>
                      <a:pt x="7" y="10"/>
                    </a:cubicBezTo>
                    <a:cubicBezTo>
                      <a:pt x="0" y="10"/>
                      <a:pt x="0" y="10"/>
                      <a:pt x="0" y="10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1" y="5"/>
                      <a:pt x="2" y="5"/>
                      <a:pt x="3" y="5"/>
                    </a:cubicBezTo>
                    <a:cubicBezTo>
                      <a:pt x="4" y="5"/>
                      <a:pt x="5" y="4"/>
                      <a:pt x="6" y="4"/>
                    </a:cubicBezTo>
                    <a:cubicBezTo>
                      <a:pt x="7" y="4"/>
                      <a:pt x="7" y="3"/>
                      <a:pt x="8" y="3"/>
                    </a:cubicBezTo>
                    <a:cubicBezTo>
                      <a:pt x="8" y="2"/>
                      <a:pt x="8" y="1"/>
                      <a:pt x="8" y="0"/>
                    </a:cubicBezTo>
                    <a:cubicBezTo>
                      <a:pt x="16" y="0"/>
                      <a:pt x="16" y="0"/>
                      <a:pt x="16" y="0"/>
                    </a:cubicBezTo>
                    <a:cubicBezTo>
                      <a:pt x="16" y="28"/>
                      <a:pt x="16" y="28"/>
                      <a:pt x="16" y="28"/>
                    </a:cubicBezTo>
                    <a:cubicBezTo>
                      <a:pt x="23" y="28"/>
                      <a:pt x="23" y="28"/>
                      <a:pt x="23" y="28"/>
                    </a:cubicBezTo>
                    <a:lnTo>
                      <a:pt x="23" y="34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8" name="Freeform 35"/>
              <p:cNvSpPr>
                <a:spLocks noEditPoints="1"/>
              </p:cNvSpPr>
              <p:nvPr/>
            </p:nvSpPr>
            <p:spPr bwMode="auto">
              <a:xfrm>
                <a:off x="2106" y="2409"/>
                <a:ext cx="66" cy="83"/>
              </a:xfrm>
              <a:custGeom>
                <a:gdLst>
                  <a:gd fmla="*/ 28 w 28" name="T0"/>
                  <a:gd fmla="*/ 17 h 35" name="T1"/>
                  <a:gd fmla="*/ 27 w 28" name="T2"/>
                  <a:gd fmla="*/ 25 h 35" name="T3"/>
                  <a:gd fmla="*/ 25 w 28" name="T4"/>
                  <a:gd fmla="*/ 30 h 35" name="T5"/>
                  <a:gd fmla="*/ 20 w 28" name="T6"/>
                  <a:gd fmla="*/ 34 h 35" name="T7"/>
                  <a:gd fmla="*/ 14 w 28" name="T8"/>
                  <a:gd fmla="*/ 35 h 35" name="T9"/>
                  <a:gd fmla="*/ 7 w 28" name="T10"/>
                  <a:gd fmla="*/ 34 h 35" name="T11"/>
                  <a:gd fmla="*/ 3 w 28" name="T12"/>
                  <a:gd fmla="*/ 30 h 35" name="T13"/>
                  <a:gd fmla="*/ 1 w 28" name="T14"/>
                  <a:gd fmla="*/ 25 h 35" name="T15"/>
                  <a:gd fmla="*/ 0 w 28" name="T16"/>
                  <a:gd fmla="*/ 17 h 35" name="T17"/>
                  <a:gd fmla="*/ 1 w 28" name="T18"/>
                  <a:gd fmla="*/ 10 h 35" name="T19"/>
                  <a:gd fmla="*/ 3 w 28" name="T20"/>
                  <a:gd fmla="*/ 4 h 35" name="T21"/>
                  <a:gd fmla="*/ 7 w 28" name="T22"/>
                  <a:gd fmla="*/ 1 h 35" name="T23"/>
                  <a:gd fmla="*/ 14 w 28" name="T24"/>
                  <a:gd fmla="*/ 0 h 35" name="T25"/>
                  <a:gd fmla="*/ 20 w 28" name="T26"/>
                  <a:gd fmla="*/ 1 h 35" name="T27"/>
                  <a:gd fmla="*/ 25 w 28" name="T28"/>
                  <a:gd fmla="*/ 4 h 35" name="T29"/>
                  <a:gd fmla="*/ 27 w 28" name="T30"/>
                  <a:gd fmla="*/ 10 h 35" name="T31"/>
                  <a:gd fmla="*/ 28 w 28" name="T32"/>
                  <a:gd fmla="*/ 17 h 35" name="T33"/>
                  <a:gd fmla="*/ 19 w 28" name="T34"/>
                  <a:gd fmla="*/ 17 h 35" name="T35"/>
                  <a:gd fmla="*/ 18 w 28" name="T36"/>
                  <a:gd fmla="*/ 8 h 35" name="T37"/>
                  <a:gd fmla="*/ 14 w 28" name="T38"/>
                  <a:gd fmla="*/ 6 h 35" name="T39"/>
                  <a:gd fmla="*/ 10 w 28" name="T40"/>
                  <a:gd fmla="*/ 8 h 35" name="T41"/>
                  <a:gd fmla="*/ 9 w 28" name="T42"/>
                  <a:gd fmla="*/ 17 h 35" name="T43"/>
                  <a:gd fmla="*/ 10 w 28" name="T44"/>
                  <a:gd fmla="*/ 26 h 35" name="T45"/>
                  <a:gd fmla="*/ 14 w 28" name="T46"/>
                  <a:gd fmla="*/ 29 h 35" name="T47"/>
                  <a:gd fmla="*/ 18 w 28" name="T48"/>
                  <a:gd fmla="*/ 26 h 35" name="T49"/>
                  <a:gd fmla="*/ 19 w 28" name="T50"/>
                  <a:gd fmla="*/ 17 h 35" name="T5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</a:cxnLst>
                <a:rect b="b" l="0" r="r" t="0"/>
                <a:pathLst>
                  <a:path h="35" w="28">
                    <a:moveTo>
                      <a:pt x="28" y="17"/>
                    </a:moveTo>
                    <a:cubicBezTo>
                      <a:pt x="28" y="20"/>
                      <a:pt x="28" y="23"/>
                      <a:pt x="27" y="25"/>
                    </a:cubicBezTo>
                    <a:cubicBezTo>
                      <a:pt x="27" y="27"/>
                      <a:pt x="26" y="29"/>
                      <a:pt x="25" y="30"/>
                    </a:cubicBezTo>
                    <a:cubicBezTo>
                      <a:pt x="24" y="32"/>
                      <a:pt x="22" y="33"/>
                      <a:pt x="20" y="34"/>
                    </a:cubicBezTo>
                    <a:cubicBezTo>
                      <a:pt x="19" y="35"/>
                      <a:pt x="16" y="35"/>
                      <a:pt x="14" y="35"/>
                    </a:cubicBezTo>
                    <a:cubicBezTo>
                      <a:pt x="11" y="35"/>
                      <a:pt x="9" y="34"/>
                      <a:pt x="7" y="34"/>
                    </a:cubicBezTo>
                    <a:cubicBezTo>
                      <a:pt x="6" y="33"/>
                      <a:pt x="4" y="32"/>
                      <a:pt x="3" y="30"/>
                    </a:cubicBezTo>
                    <a:cubicBezTo>
                      <a:pt x="2" y="29"/>
                      <a:pt x="1" y="27"/>
                      <a:pt x="1" y="25"/>
                    </a:cubicBezTo>
                    <a:cubicBezTo>
                      <a:pt x="0" y="23"/>
                      <a:pt x="0" y="20"/>
                      <a:pt x="0" y="17"/>
                    </a:cubicBezTo>
                    <a:cubicBezTo>
                      <a:pt x="0" y="14"/>
                      <a:pt x="0" y="12"/>
                      <a:pt x="1" y="10"/>
                    </a:cubicBezTo>
                    <a:cubicBezTo>
                      <a:pt x="1" y="7"/>
                      <a:pt x="2" y="6"/>
                      <a:pt x="3" y="4"/>
                    </a:cubicBezTo>
                    <a:cubicBezTo>
                      <a:pt x="4" y="3"/>
                      <a:pt x="6" y="1"/>
                      <a:pt x="7" y="1"/>
                    </a:cubicBezTo>
                    <a:cubicBezTo>
                      <a:pt x="9" y="0"/>
                      <a:pt x="11" y="0"/>
                      <a:pt x="14" y="0"/>
                    </a:cubicBezTo>
                    <a:cubicBezTo>
                      <a:pt x="16" y="0"/>
                      <a:pt x="19" y="0"/>
                      <a:pt x="20" y="1"/>
                    </a:cubicBezTo>
                    <a:cubicBezTo>
                      <a:pt x="22" y="2"/>
                      <a:pt x="24" y="3"/>
                      <a:pt x="25" y="4"/>
                    </a:cubicBezTo>
                    <a:cubicBezTo>
                      <a:pt x="26" y="6"/>
                      <a:pt x="27" y="8"/>
                      <a:pt x="27" y="10"/>
                    </a:cubicBezTo>
                    <a:cubicBezTo>
                      <a:pt x="28" y="12"/>
                      <a:pt x="28" y="14"/>
                      <a:pt x="28" y="17"/>
                    </a:cubicBezTo>
                    <a:moveTo>
                      <a:pt x="19" y="17"/>
                    </a:moveTo>
                    <a:cubicBezTo>
                      <a:pt x="19" y="13"/>
                      <a:pt x="19" y="10"/>
                      <a:pt x="18" y="8"/>
                    </a:cubicBezTo>
                    <a:cubicBezTo>
                      <a:pt x="17" y="7"/>
                      <a:pt x="16" y="6"/>
                      <a:pt x="14" y="6"/>
                    </a:cubicBezTo>
                    <a:cubicBezTo>
                      <a:pt x="12" y="6"/>
                      <a:pt x="11" y="7"/>
                      <a:pt x="10" y="8"/>
                    </a:cubicBezTo>
                    <a:cubicBezTo>
                      <a:pt x="9" y="10"/>
                      <a:pt x="9" y="13"/>
                      <a:pt x="9" y="17"/>
                    </a:cubicBezTo>
                    <a:cubicBezTo>
                      <a:pt x="9" y="21"/>
                      <a:pt x="9" y="24"/>
                      <a:pt x="10" y="26"/>
                    </a:cubicBezTo>
                    <a:cubicBezTo>
                      <a:pt x="11" y="28"/>
                      <a:pt x="12" y="29"/>
                      <a:pt x="14" y="29"/>
                    </a:cubicBezTo>
                    <a:cubicBezTo>
                      <a:pt x="16" y="29"/>
                      <a:pt x="17" y="28"/>
                      <a:pt x="18" y="26"/>
                    </a:cubicBezTo>
                    <a:cubicBezTo>
                      <a:pt x="19" y="24"/>
                      <a:pt x="19" y="21"/>
                      <a:pt x="19" y="17"/>
                    </a:cubicBezTo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9" name="Freeform 36"/>
              <p:cNvSpPr>
                <a:spLocks noEditPoints="1"/>
              </p:cNvSpPr>
              <p:nvPr/>
            </p:nvSpPr>
            <p:spPr bwMode="auto">
              <a:xfrm>
                <a:off x="2187" y="2409"/>
                <a:ext cx="122" cy="83"/>
              </a:xfrm>
              <a:custGeom>
                <a:gdLst>
                  <a:gd fmla="*/ 20 w 52" name="T0"/>
                  <a:gd fmla="*/ 11 h 35" name="T1"/>
                  <a:gd fmla="*/ 18 w 52" name="T2"/>
                  <a:gd fmla="*/ 19 h 35" name="T3"/>
                  <a:gd fmla="*/ 10 w 52" name="T4"/>
                  <a:gd fmla="*/ 22 h 35" name="T5"/>
                  <a:gd fmla="*/ 2 w 52" name="T6"/>
                  <a:gd fmla="*/ 19 h 35" name="T7"/>
                  <a:gd fmla="*/ 0 w 52" name="T8"/>
                  <a:gd fmla="*/ 11 h 35" name="T9"/>
                  <a:gd fmla="*/ 2 w 52" name="T10"/>
                  <a:gd fmla="*/ 2 h 35" name="T11"/>
                  <a:gd fmla="*/ 10 w 52" name="T12"/>
                  <a:gd fmla="*/ 0 h 35" name="T13"/>
                  <a:gd fmla="*/ 18 w 52" name="T14"/>
                  <a:gd fmla="*/ 2 h 35" name="T15"/>
                  <a:gd fmla="*/ 20 w 52" name="T16"/>
                  <a:gd fmla="*/ 11 h 35" name="T17"/>
                  <a:gd fmla="*/ 14 w 52" name="T18"/>
                  <a:gd fmla="*/ 11 h 35" name="T19"/>
                  <a:gd fmla="*/ 13 w 52" name="T20"/>
                  <a:gd fmla="*/ 6 h 35" name="T21"/>
                  <a:gd fmla="*/ 10 w 52" name="T22"/>
                  <a:gd fmla="*/ 4 h 35" name="T23"/>
                  <a:gd fmla="*/ 7 w 52" name="T24"/>
                  <a:gd fmla="*/ 6 h 35" name="T25"/>
                  <a:gd fmla="*/ 6 w 52" name="T26"/>
                  <a:gd fmla="*/ 11 h 35" name="T27"/>
                  <a:gd fmla="*/ 7 w 52" name="T28"/>
                  <a:gd fmla="*/ 16 h 35" name="T29"/>
                  <a:gd fmla="*/ 10 w 52" name="T30"/>
                  <a:gd fmla="*/ 17 h 35" name="T31"/>
                  <a:gd fmla="*/ 13 w 52" name="T32"/>
                  <a:gd fmla="*/ 16 h 35" name="T33"/>
                  <a:gd fmla="*/ 14 w 52" name="T34"/>
                  <a:gd fmla="*/ 11 h 35" name="T35"/>
                  <a:gd fmla="*/ 38 w 52" name="T36"/>
                  <a:gd fmla="*/ 0 h 35" name="T37"/>
                  <a:gd fmla="*/ 20 w 52" name="T38"/>
                  <a:gd fmla="*/ 34 h 35" name="T39"/>
                  <a:gd fmla="*/ 14 w 52" name="T40"/>
                  <a:gd fmla="*/ 34 h 35" name="T41"/>
                  <a:gd fmla="*/ 32 w 52" name="T42"/>
                  <a:gd fmla="*/ 0 h 35" name="T43"/>
                  <a:gd fmla="*/ 38 w 52" name="T44"/>
                  <a:gd fmla="*/ 0 h 35" name="T45"/>
                  <a:gd fmla="*/ 52 w 52" name="T46"/>
                  <a:gd fmla="*/ 24 h 35" name="T47"/>
                  <a:gd fmla="*/ 50 w 52" name="T48"/>
                  <a:gd fmla="*/ 32 h 35" name="T49"/>
                  <a:gd fmla="*/ 42 w 52" name="T50"/>
                  <a:gd fmla="*/ 35 h 35" name="T51"/>
                  <a:gd fmla="*/ 34 w 52" name="T52"/>
                  <a:gd fmla="*/ 32 h 35" name="T53"/>
                  <a:gd fmla="*/ 32 w 52" name="T54"/>
                  <a:gd fmla="*/ 24 h 35" name="T55"/>
                  <a:gd fmla="*/ 34 w 52" name="T56"/>
                  <a:gd fmla="*/ 16 h 35" name="T57"/>
                  <a:gd fmla="*/ 42 w 52" name="T58"/>
                  <a:gd fmla="*/ 13 h 35" name="T59"/>
                  <a:gd fmla="*/ 50 w 52" name="T60"/>
                  <a:gd fmla="*/ 16 h 35" name="T61"/>
                  <a:gd fmla="*/ 52 w 52" name="T62"/>
                  <a:gd fmla="*/ 24 h 35" name="T63"/>
                  <a:gd fmla="*/ 46 w 52" name="T64"/>
                  <a:gd fmla="*/ 24 h 35" name="T65"/>
                  <a:gd fmla="*/ 45 w 52" name="T66"/>
                  <a:gd fmla="*/ 19 h 35" name="T67"/>
                  <a:gd fmla="*/ 42 w 52" name="T68"/>
                  <a:gd fmla="*/ 18 h 35" name="T69"/>
                  <a:gd fmla="*/ 39 w 52" name="T70"/>
                  <a:gd fmla="*/ 19 h 35" name="T71"/>
                  <a:gd fmla="*/ 39 w 52" name="T72"/>
                  <a:gd fmla="*/ 24 h 35" name="T73"/>
                  <a:gd fmla="*/ 39 w 52" name="T74"/>
                  <a:gd fmla="*/ 29 h 35" name="T75"/>
                  <a:gd fmla="*/ 42 w 52" name="T76"/>
                  <a:gd fmla="*/ 30 h 35" name="T77"/>
                  <a:gd fmla="*/ 45 w 52" name="T78"/>
                  <a:gd fmla="*/ 29 h 35" name="T79"/>
                  <a:gd fmla="*/ 46 w 52" name="T80"/>
                  <a:gd fmla="*/ 24 h 35" name="T8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</a:cxnLst>
                <a:rect b="b" l="0" r="r" t="0"/>
                <a:pathLst>
                  <a:path h="35" w="52">
                    <a:moveTo>
                      <a:pt x="20" y="11"/>
                    </a:moveTo>
                    <a:cubicBezTo>
                      <a:pt x="20" y="14"/>
                      <a:pt x="19" y="17"/>
                      <a:pt x="18" y="19"/>
                    </a:cubicBezTo>
                    <a:cubicBezTo>
                      <a:pt x="16" y="21"/>
                      <a:pt x="13" y="22"/>
                      <a:pt x="10" y="22"/>
                    </a:cubicBezTo>
                    <a:cubicBezTo>
                      <a:pt x="7" y="22"/>
                      <a:pt x="4" y="21"/>
                      <a:pt x="2" y="19"/>
                    </a:cubicBezTo>
                    <a:cubicBezTo>
                      <a:pt x="1" y="17"/>
                      <a:pt x="0" y="14"/>
                      <a:pt x="0" y="11"/>
                    </a:cubicBezTo>
                    <a:cubicBezTo>
                      <a:pt x="0" y="7"/>
                      <a:pt x="1" y="4"/>
                      <a:pt x="2" y="2"/>
                    </a:cubicBezTo>
                    <a:cubicBezTo>
                      <a:pt x="4" y="1"/>
                      <a:pt x="7" y="0"/>
                      <a:pt x="10" y="0"/>
                    </a:cubicBezTo>
                    <a:cubicBezTo>
                      <a:pt x="13" y="0"/>
                      <a:pt x="16" y="1"/>
                      <a:pt x="18" y="2"/>
                    </a:cubicBezTo>
                    <a:cubicBezTo>
                      <a:pt x="19" y="4"/>
                      <a:pt x="20" y="7"/>
                      <a:pt x="20" y="11"/>
                    </a:cubicBezTo>
                    <a:moveTo>
                      <a:pt x="14" y="11"/>
                    </a:moveTo>
                    <a:cubicBezTo>
                      <a:pt x="14" y="8"/>
                      <a:pt x="13" y="7"/>
                      <a:pt x="13" y="6"/>
                    </a:cubicBezTo>
                    <a:cubicBezTo>
                      <a:pt x="12" y="5"/>
                      <a:pt x="11" y="4"/>
                      <a:pt x="10" y="4"/>
                    </a:cubicBezTo>
                    <a:cubicBezTo>
                      <a:pt x="9" y="4"/>
                      <a:pt x="8" y="5"/>
                      <a:pt x="7" y="6"/>
                    </a:cubicBezTo>
                    <a:cubicBezTo>
                      <a:pt x="7" y="7"/>
                      <a:pt x="6" y="8"/>
                      <a:pt x="6" y="11"/>
                    </a:cubicBezTo>
                    <a:cubicBezTo>
                      <a:pt x="6" y="13"/>
                      <a:pt x="7" y="15"/>
                      <a:pt x="7" y="16"/>
                    </a:cubicBezTo>
                    <a:cubicBezTo>
                      <a:pt x="8" y="17"/>
                      <a:pt x="9" y="17"/>
                      <a:pt x="10" y="17"/>
                    </a:cubicBezTo>
                    <a:cubicBezTo>
                      <a:pt x="11" y="17"/>
                      <a:pt x="12" y="17"/>
                      <a:pt x="13" y="16"/>
                    </a:cubicBezTo>
                    <a:cubicBezTo>
                      <a:pt x="13" y="15"/>
                      <a:pt x="14" y="13"/>
                      <a:pt x="14" y="11"/>
                    </a:cubicBezTo>
                    <a:moveTo>
                      <a:pt x="38" y="0"/>
                    </a:moveTo>
                    <a:cubicBezTo>
                      <a:pt x="20" y="34"/>
                      <a:pt x="20" y="34"/>
                      <a:pt x="20" y="34"/>
                    </a:cubicBezTo>
                    <a:cubicBezTo>
                      <a:pt x="14" y="34"/>
                      <a:pt x="14" y="34"/>
                      <a:pt x="14" y="34"/>
                    </a:cubicBezTo>
                    <a:cubicBezTo>
                      <a:pt x="32" y="0"/>
                      <a:pt x="32" y="0"/>
                      <a:pt x="32" y="0"/>
                    </a:cubicBezTo>
                    <a:lnTo>
                      <a:pt x="38" y="0"/>
                    </a:lnTo>
                    <a:close/>
                    <a:moveTo>
                      <a:pt x="52" y="24"/>
                    </a:moveTo>
                    <a:cubicBezTo>
                      <a:pt x="52" y="28"/>
                      <a:pt x="52" y="30"/>
                      <a:pt x="50" y="32"/>
                    </a:cubicBezTo>
                    <a:cubicBezTo>
                      <a:pt x="48" y="34"/>
                      <a:pt x="46" y="35"/>
                      <a:pt x="42" y="35"/>
                    </a:cubicBezTo>
                    <a:cubicBezTo>
                      <a:pt x="39" y="35"/>
                      <a:pt x="36" y="34"/>
                      <a:pt x="34" y="32"/>
                    </a:cubicBezTo>
                    <a:cubicBezTo>
                      <a:pt x="33" y="30"/>
                      <a:pt x="32" y="28"/>
                      <a:pt x="32" y="24"/>
                    </a:cubicBezTo>
                    <a:cubicBezTo>
                      <a:pt x="32" y="20"/>
                      <a:pt x="33" y="17"/>
                      <a:pt x="34" y="16"/>
                    </a:cubicBezTo>
                    <a:cubicBezTo>
                      <a:pt x="36" y="14"/>
                      <a:pt x="39" y="13"/>
                      <a:pt x="42" y="13"/>
                    </a:cubicBezTo>
                    <a:cubicBezTo>
                      <a:pt x="46" y="13"/>
                      <a:pt x="48" y="14"/>
                      <a:pt x="50" y="16"/>
                    </a:cubicBezTo>
                    <a:cubicBezTo>
                      <a:pt x="52" y="17"/>
                      <a:pt x="52" y="20"/>
                      <a:pt x="52" y="24"/>
                    </a:cubicBezTo>
                    <a:moveTo>
                      <a:pt x="46" y="24"/>
                    </a:moveTo>
                    <a:cubicBezTo>
                      <a:pt x="46" y="21"/>
                      <a:pt x="45" y="20"/>
                      <a:pt x="45" y="19"/>
                    </a:cubicBezTo>
                    <a:cubicBezTo>
                      <a:pt x="44" y="18"/>
                      <a:pt x="43" y="18"/>
                      <a:pt x="42" y="18"/>
                    </a:cubicBezTo>
                    <a:cubicBezTo>
                      <a:pt x="41" y="18"/>
                      <a:pt x="40" y="18"/>
                      <a:pt x="39" y="19"/>
                    </a:cubicBezTo>
                    <a:cubicBezTo>
                      <a:pt x="39" y="20"/>
                      <a:pt x="39" y="21"/>
                      <a:pt x="39" y="24"/>
                    </a:cubicBezTo>
                    <a:cubicBezTo>
                      <a:pt x="39" y="26"/>
                      <a:pt x="39" y="28"/>
                      <a:pt x="39" y="29"/>
                    </a:cubicBezTo>
                    <a:cubicBezTo>
                      <a:pt x="40" y="30"/>
                      <a:pt x="41" y="30"/>
                      <a:pt x="42" y="30"/>
                    </a:cubicBezTo>
                    <a:cubicBezTo>
                      <a:pt x="43" y="30"/>
                      <a:pt x="44" y="30"/>
                      <a:pt x="45" y="29"/>
                    </a:cubicBezTo>
                    <a:cubicBezTo>
                      <a:pt x="45" y="28"/>
                      <a:pt x="46" y="26"/>
                      <a:pt x="46" y="24"/>
                    </a:cubicBezTo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0" name="Freeform 37"/>
              <p:cNvSpPr/>
              <p:nvPr/>
            </p:nvSpPr>
            <p:spPr bwMode="auto">
              <a:xfrm>
                <a:off x="2520" y="2279"/>
                <a:ext cx="415" cy="415"/>
              </a:xfrm>
              <a:custGeom>
                <a:gdLst>
                  <a:gd fmla="*/ 88 w 176" name="T0"/>
                  <a:gd fmla="*/ 0 h 176" name="T1"/>
                  <a:gd fmla="*/ 0 w 176" name="T2"/>
                  <a:gd fmla="*/ 88 h 176" name="T3"/>
                  <a:gd fmla="*/ 88 w 176" name="T4"/>
                  <a:gd fmla="*/ 176 h 176" name="T5"/>
                  <a:gd fmla="*/ 176 w 176" name="T6"/>
                  <a:gd fmla="*/ 88 h 176" name="T7"/>
                  <a:gd fmla="*/ 176 w 176" name="T8"/>
                  <a:gd fmla="*/ 0 h 176" name="T9"/>
                  <a:gd fmla="*/ 88 w 176" name="T10"/>
                  <a:gd fmla="*/ 0 h 176" name="T1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b="b" l="0" r="r" t="0"/>
                <a:pathLst>
                  <a:path h="176" w="176">
                    <a:moveTo>
                      <a:pt x="88" y="0"/>
                    </a:moveTo>
                    <a:cubicBezTo>
                      <a:pt x="39" y="0"/>
                      <a:pt x="0" y="39"/>
                      <a:pt x="0" y="88"/>
                    </a:cubicBezTo>
                    <a:cubicBezTo>
                      <a:pt x="0" y="137"/>
                      <a:pt x="39" y="176"/>
                      <a:pt x="88" y="176"/>
                    </a:cubicBezTo>
                    <a:cubicBezTo>
                      <a:pt x="137" y="176"/>
                      <a:pt x="176" y="137"/>
                      <a:pt x="176" y="88"/>
                    </a:cubicBezTo>
                    <a:cubicBezTo>
                      <a:pt x="176" y="0"/>
                      <a:pt x="176" y="0"/>
                      <a:pt x="176" y="0"/>
                    </a:cubicBezTo>
                    <a:lnTo>
                      <a:pt x="88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1" name="Freeform 38"/>
              <p:cNvSpPr/>
              <p:nvPr/>
            </p:nvSpPr>
            <p:spPr bwMode="auto">
              <a:xfrm>
                <a:off x="3077" y="2270"/>
                <a:ext cx="416" cy="417"/>
              </a:xfrm>
              <a:custGeom>
                <a:gdLst>
                  <a:gd fmla="*/ 88 w 176" name="T0"/>
                  <a:gd fmla="*/ 0 h 177" name="T1"/>
                  <a:gd fmla="*/ 0 w 176" name="T2"/>
                  <a:gd fmla="*/ 88 h 177" name="T3"/>
                  <a:gd fmla="*/ 88 w 176" name="T4"/>
                  <a:gd fmla="*/ 177 h 177" name="T5"/>
                  <a:gd fmla="*/ 176 w 176" name="T6"/>
                  <a:gd fmla="*/ 88 h 177" name="T7"/>
                  <a:gd fmla="*/ 176 w 176" name="T8"/>
                  <a:gd fmla="*/ 0 h 177" name="T9"/>
                  <a:gd fmla="*/ 88 w 176" name="T10"/>
                  <a:gd fmla="*/ 0 h 177" name="T1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b="b" l="0" r="r" t="0"/>
                <a:pathLst>
                  <a:path h="177" w="176">
                    <a:moveTo>
                      <a:pt x="88" y="0"/>
                    </a:moveTo>
                    <a:cubicBezTo>
                      <a:pt x="39" y="0"/>
                      <a:pt x="0" y="40"/>
                      <a:pt x="0" y="88"/>
                    </a:cubicBezTo>
                    <a:cubicBezTo>
                      <a:pt x="0" y="137"/>
                      <a:pt x="39" y="177"/>
                      <a:pt x="88" y="177"/>
                    </a:cubicBezTo>
                    <a:cubicBezTo>
                      <a:pt x="137" y="177"/>
                      <a:pt x="176" y="137"/>
                      <a:pt x="176" y="88"/>
                    </a:cubicBezTo>
                    <a:cubicBezTo>
                      <a:pt x="176" y="0"/>
                      <a:pt x="176" y="0"/>
                      <a:pt x="176" y="0"/>
                    </a:cubicBezTo>
                    <a:lnTo>
                      <a:pt x="88" y="0"/>
                    </a:ln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2" name="Freeform 59"/>
              <p:cNvSpPr>
                <a:spLocks noEditPoints="1"/>
              </p:cNvSpPr>
              <p:nvPr/>
            </p:nvSpPr>
            <p:spPr bwMode="auto">
              <a:xfrm>
                <a:off x="2605" y="2397"/>
                <a:ext cx="71" cy="80"/>
              </a:xfrm>
              <a:custGeom>
                <a:gdLst>
                  <a:gd fmla="*/ 71 w 71" name="T0"/>
                  <a:gd fmla="*/ 62 h 80" name="T1"/>
                  <a:gd fmla="*/ 59 w 71" name="T2"/>
                  <a:gd fmla="*/ 62 h 80" name="T3"/>
                  <a:gd fmla="*/ 59 w 71" name="T4"/>
                  <a:gd fmla="*/ 80 h 80" name="T5"/>
                  <a:gd fmla="*/ 40 w 71" name="T6"/>
                  <a:gd fmla="*/ 80 h 80" name="T7"/>
                  <a:gd fmla="*/ 40 w 71" name="T8"/>
                  <a:gd fmla="*/ 62 h 80" name="T9"/>
                  <a:gd fmla="*/ 0 w 71" name="T10"/>
                  <a:gd fmla="*/ 62 h 80" name="T11"/>
                  <a:gd fmla="*/ 0 w 71" name="T12"/>
                  <a:gd fmla="*/ 47 h 80" name="T13"/>
                  <a:gd fmla="*/ 38 w 71" name="T14"/>
                  <a:gd fmla="*/ 0 h 80" name="T15"/>
                  <a:gd fmla="*/ 59 w 71" name="T16"/>
                  <a:gd fmla="*/ 0 h 80" name="T17"/>
                  <a:gd fmla="*/ 59 w 71" name="T18"/>
                  <a:gd fmla="*/ 47 h 80" name="T19"/>
                  <a:gd fmla="*/ 71 w 71" name="T20"/>
                  <a:gd fmla="*/ 47 h 80" name="T21"/>
                  <a:gd fmla="*/ 71 w 71" name="T22"/>
                  <a:gd fmla="*/ 62 h 80" name="T23"/>
                  <a:gd fmla="*/ 40 w 71" name="T24"/>
                  <a:gd fmla="*/ 47 h 80" name="T25"/>
                  <a:gd fmla="*/ 40 w 71" name="T26"/>
                  <a:gd fmla="*/ 19 h 80" name="T27"/>
                  <a:gd fmla="*/ 16 w 71" name="T28"/>
                  <a:gd fmla="*/ 47 h 80" name="T29"/>
                  <a:gd fmla="*/ 40 w 71" name="T30"/>
                  <a:gd fmla="*/ 47 h 80" name="T3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</a:cxnLst>
                <a:rect b="b" l="0" r="r" t="0"/>
                <a:pathLst>
                  <a:path h="80" w="71">
                    <a:moveTo>
                      <a:pt x="71" y="62"/>
                    </a:moveTo>
                    <a:lnTo>
                      <a:pt x="59" y="62"/>
                    </a:lnTo>
                    <a:lnTo>
                      <a:pt x="59" y="80"/>
                    </a:lnTo>
                    <a:lnTo>
                      <a:pt x="40" y="80"/>
                    </a:lnTo>
                    <a:lnTo>
                      <a:pt x="40" y="62"/>
                    </a:lnTo>
                    <a:lnTo>
                      <a:pt x="0" y="62"/>
                    </a:lnTo>
                    <a:lnTo>
                      <a:pt x="0" y="47"/>
                    </a:lnTo>
                    <a:lnTo>
                      <a:pt x="38" y="0"/>
                    </a:lnTo>
                    <a:lnTo>
                      <a:pt x="59" y="0"/>
                    </a:lnTo>
                    <a:lnTo>
                      <a:pt x="59" y="47"/>
                    </a:lnTo>
                    <a:lnTo>
                      <a:pt x="71" y="47"/>
                    </a:lnTo>
                    <a:lnTo>
                      <a:pt x="71" y="62"/>
                    </a:lnTo>
                    <a:close/>
                    <a:moveTo>
                      <a:pt x="40" y="47"/>
                    </a:moveTo>
                    <a:lnTo>
                      <a:pt x="40" y="19"/>
                    </a:lnTo>
                    <a:lnTo>
                      <a:pt x="16" y="47"/>
                    </a:lnTo>
                    <a:lnTo>
                      <a:pt x="40" y="47"/>
                    </a:lnTo>
                    <a:close/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3" name="Freeform 60"/>
              <p:cNvSpPr>
                <a:spLocks noEditPoints="1"/>
              </p:cNvSpPr>
              <p:nvPr/>
            </p:nvSpPr>
            <p:spPr bwMode="auto">
              <a:xfrm>
                <a:off x="2685" y="2395"/>
                <a:ext cx="66" cy="82"/>
              </a:xfrm>
              <a:custGeom>
                <a:gdLst>
                  <a:gd fmla="*/ 28 w 28" name="T0"/>
                  <a:gd fmla="*/ 18 h 35" name="T1"/>
                  <a:gd fmla="*/ 27 w 28" name="T2"/>
                  <a:gd fmla="*/ 25 h 35" name="T3"/>
                  <a:gd fmla="*/ 25 w 28" name="T4"/>
                  <a:gd fmla="*/ 31 h 35" name="T5"/>
                  <a:gd fmla="*/ 20 w 28" name="T6"/>
                  <a:gd fmla="*/ 34 h 35" name="T7"/>
                  <a:gd fmla="*/ 14 w 28" name="T8"/>
                  <a:gd fmla="*/ 35 h 35" name="T9"/>
                  <a:gd fmla="*/ 7 w 28" name="T10"/>
                  <a:gd fmla="*/ 34 h 35" name="T11"/>
                  <a:gd fmla="*/ 3 w 28" name="T12"/>
                  <a:gd fmla="*/ 31 h 35" name="T13"/>
                  <a:gd fmla="*/ 1 w 28" name="T14"/>
                  <a:gd fmla="*/ 25 h 35" name="T15"/>
                  <a:gd fmla="*/ 0 w 28" name="T16"/>
                  <a:gd fmla="*/ 18 h 35" name="T17"/>
                  <a:gd fmla="*/ 1 w 28" name="T18"/>
                  <a:gd fmla="*/ 10 h 35" name="T19"/>
                  <a:gd fmla="*/ 3 w 28" name="T20"/>
                  <a:gd fmla="*/ 5 h 35" name="T21"/>
                  <a:gd fmla="*/ 8 w 28" name="T22"/>
                  <a:gd fmla="*/ 1 h 35" name="T23"/>
                  <a:gd fmla="*/ 14 w 28" name="T24"/>
                  <a:gd fmla="*/ 0 h 35" name="T25"/>
                  <a:gd fmla="*/ 20 w 28" name="T26"/>
                  <a:gd fmla="*/ 1 h 35" name="T27"/>
                  <a:gd fmla="*/ 25 w 28" name="T28"/>
                  <a:gd fmla="*/ 5 h 35" name="T29"/>
                  <a:gd fmla="*/ 27 w 28" name="T30"/>
                  <a:gd fmla="*/ 10 h 35" name="T31"/>
                  <a:gd fmla="*/ 28 w 28" name="T32"/>
                  <a:gd fmla="*/ 18 h 35" name="T33"/>
                  <a:gd fmla="*/ 19 w 28" name="T34"/>
                  <a:gd fmla="*/ 18 h 35" name="T35"/>
                  <a:gd fmla="*/ 18 w 28" name="T36"/>
                  <a:gd fmla="*/ 9 h 35" name="T37"/>
                  <a:gd fmla="*/ 14 w 28" name="T38"/>
                  <a:gd fmla="*/ 6 h 35" name="T39"/>
                  <a:gd fmla="*/ 10 w 28" name="T40"/>
                  <a:gd fmla="*/ 9 h 35" name="T41"/>
                  <a:gd fmla="*/ 9 w 28" name="T42"/>
                  <a:gd fmla="*/ 18 h 35" name="T43"/>
                  <a:gd fmla="*/ 10 w 28" name="T44"/>
                  <a:gd fmla="*/ 27 h 35" name="T45"/>
                  <a:gd fmla="*/ 14 w 28" name="T46"/>
                  <a:gd fmla="*/ 29 h 35" name="T47"/>
                  <a:gd fmla="*/ 18 w 28" name="T48"/>
                  <a:gd fmla="*/ 27 h 35" name="T49"/>
                  <a:gd fmla="*/ 19 w 28" name="T50"/>
                  <a:gd fmla="*/ 18 h 35" name="T5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</a:cxnLst>
                <a:rect b="b" l="0" r="r" t="0"/>
                <a:pathLst>
                  <a:path h="35" w="28">
                    <a:moveTo>
                      <a:pt x="28" y="18"/>
                    </a:moveTo>
                    <a:cubicBezTo>
                      <a:pt x="28" y="21"/>
                      <a:pt x="28" y="23"/>
                      <a:pt x="27" y="25"/>
                    </a:cubicBezTo>
                    <a:cubicBezTo>
                      <a:pt x="27" y="28"/>
                      <a:pt x="26" y="30"/>
                      <a:pt x="25" y="31"/>
                    </a:cubicBezTo>
                    <a:cubicBezTo>
                      <a:pt x="24" y="32"/>
                      <a:pt x="22" y="34"/>
                      <a:pt x="20" y="34"/>
                    </a:cubicBezTo>
                    <a:cubicBezTo>
                      <a:pt x="19" y="35"/>
                      <a:pt x="17" y="35"/>
                      <a:pt x="14" y="35"/>
                    </a:cubicBezTo>
                    <a:cubicBezTo>
                      <a:pt x="11" y="35"/>
                      <a:pt x="9" y="35"/>
                      <a:pt x="7" y="34"/>
                    </a:cubicBezTo>
                    <a:cubicBezTo>
                      <a:pt x="6" y="34"/>
                      <a:pt x="4" y="32"/>
                      <a:pt x="3" y="31"/>
                    </a:cubicBezTo>
                    <a:cubicBezTo>
                      <a:pt x="2" y="29"/>
                      <a:pt x="1" y="28"/>
                      <a:pt x="1" y="25"/>
                    </a:cubicBezTo>
                    <a:cubicBezTo>
                      <a:pt x="0" y="23"/>
                      <a:pt x="0" y="21"/>
                      <a:pt x="0" y="18"/>
                    </a:cubicBezTo>
                    <a:cubicBezTo>
                      <a:pt x="0" y="15"/>
                      <a:pt x="0" y="12"/>
                      <a:pt x="1" y="10"/>
                    </a:cubicBezTo>
                    <a:cubicBezTo>
                      <a:pt x="1" y="8"/>
                      <a:pt x="2" y="6"/>
                      <a:pt x="3" y="5"/>
                    </a:cubicBezTo>
                    <a:cubicBezTo>
                      <a:pt x="4" y="3"/>
                      <a:pt x="6" y="2"/>
                      <a:pt x="8" y="1"/>
                    </a:cubicBezTo>
                    <a:cubicBezTo>
                      <a:pt x="9" y="1"/>
                      <a:pt x="11" y="0"/>
                      <a:pt x="14" y="0"/>
                    </a:cubicBezTo>
                    <a:cubicBezTo>
                      <a:pt x="17" y="0"/>
                      <a:pt x="19" y="1"/>
                      <a:pt x="20" y="1"/>
                    </a:cubicBezTo>
                    <a:cubicBezTo>
                      <a:pt x="22" y="2"/>
                      <a:pt x="24" y="3"/>
                      <a:pt x="25" y="5"/>
                    </a:cubicBezTo>
                    <a:cubicBezTo>
                      <a:pt x="26" y="6"/>
                      <a:pt x="27" y="8"/>
                      <a:pt x="27" y="10"/>
                    </a:cubicBezTo>
                    <a:cubicBezTo>
                      <a:pt x="28" y="12"/>
                      <a:pt x="28" y="15"/>
                      <a:pt x="28" y="18"/>
                    </a:cubicBezTo>
                    <a:moveTo>
                      <a:pt x="19" y="18"/>
                    </a:moveTo>
                    <a:cubicBezTo>
                      <a:pt x="19" y="14"/>
                      <a:pt x="19" y="11"/>
                      <a:pt x="18" y="9"/>
                    </a:cubicBezTo>
                    <a:cubicBezTo>
                      <a:pt x="17" y="7"/>
                      <a:pt x="16" y="6"/>
                      <a:pt x="14" y="6"/>
                    </a:cubicBezTo>
                    <a:cubicBezTo>
                      <a:pt x="12" y="6"/>
                      <a:pt x="11" y="7"/>
                      <a:pt x="10" y="9"/>
                    </a:cubicBezTo>
                    <a:cubicBezTo>
                      <a:pt x="9" y="11"/>
                      <a:pt x="9" y="14"/>
                      <a:pt x="9" y="18"/>
                    </a:cubicBezTo>
                    <a:cubicBezTo>
                      <a:pt x="9" y="22"/>
                      <a:pt x="9" y="25"/>
                      <a:pt x="10" y="27"/>
                    </a:cubicBezTo>
                    <a:cubicBezTo>
                      <a:pt x="11" y="28"/>
                      <a:pt x="12" y="29"/>
                      <a:pt x="14" y="29"/>
                    </a:cubicBezTo>
                    <a:cubicBezTo>
                      <a:pt x="16" y="29"/>
                      <a:pt x="17" y="28"/>
                      <a:pt x="18" y="27"/>
                    </a:cubicBezTo>
                    <a:cubicBezTo>
                      <a:pt x="19" y="25"/>
                      <a:pt x="19" y="22"/>
                      <a:pt x="19" y="18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4" name="Freeform 61"/>
              <p:cNvSpPr>
                <a:spLocks noEditPoints="1"/>
              </p:cNvSpPr>
              <p:nvPr/>
            </p:nvSpPr>
            <p:spPr bwMode="auto">
              <a:xfrm>
                <a:off x="2765" y="2395"/>
                <a:ext cx="123" cy="82"/>
              </a:xfrm>
              <a:custGeom>
                <a:gdLst>
                  <a:gd fmla="*/ 20 w 52" name="T0"/>
                  <a:gd fmla="*/ 11 h 35" name="T1"/>
                  <a:gd fmla="*/ 18 w 52" name="T2"/>
                  <a:gd fmla="*/ 20 h 35" name="T3"/>
                  <a:gd fmla="*/ 10 w 52" name="T4"/>
                  <a:gd fmla="*/ 22 h 35" name="T5"/>
                  <a:gd fmla="*/ 2 w 52" name="T6"/>
                  <a:gd fmla="*/ 20 h 35" name="T7"/>
                  <a:gd fmla="*/ 0 w 52" name="T8"/>
                  <a:gd fmla="*/ 11 h 35" name="T9"/>
                  <a:gd fmla="*/ 2 w 52" name="T10"/>
                  <a:gd fmla="*/ 3 h 35" name="T11"/>
                  <a:gd fmla="*/ 10 w 52" name="T12"/>
                  <a:gd fmla="*/ 0 h 35" name="T13"/>
                  <a:gd fmla="*/ 18 w 52" name="T14"/>
                  <a:gd fmla="*/ 3 h 35" name="T15"/>
                  <a:gd fmla="*/ 20 w 52" name="T16"/>
                  <a:gd fmla="*/ 11 h 35" name="T17"/>
                  <a:gd fmla="*/ 14 w 52" name="T18"/>
                  <a:gd fmla="*/ 11 h 35" name="T19"/>
                  <a:gd fmla="*/ 13 w 52" name="T20"/>
                  <a:gd fmla="*/ 6 h 35" name="T21"/>
                  <a:gd fmla="*/ 10 w 52" name="T22"/>
                  <a:gd fmla="*/ 5 h 35" name="T23"/>
                  <a:gd fmla="*/ 7 w 52" name="T24"/>
                  <a:gd fmla="*/ 6 h 35" name="T25"/>
                  <a:gd fmla="*/ 6 w 52" name="T26"/>
                  <a:gd fmla="*/ 11 h 35" name="T27"/>
                  <a:gd fmla="*/ 7 w 52" name="T28"/>
                  <a:gd fmla="*/ 16 h 35" name="T29"/>
                  <a:gd fmla="*/ 10 w 52" name="T30"/>
                  <a:gd fmla="*/ 17 h 35" name="T31"/>
                  <a:gd fmla="*/ 13 w 52" name="T32"/>
                  <a:gd fmla="*/ 16 h 35" name="T33"/>
                  <a:gd fmla="*/ 14 w 52" name="T34"/>
                  <a:gd fmla="*/ 11 h 35" name="T35"/>
                  <a:gd fmla="*/ 38 w 52" name="T36"/>
                  <a:gd fmla="*/ 1 h 35" name="T37"/>
                  <a:gd fmla="*/ 20 w 52" name="T38"/>
                  <a:gd fmla="*/ 35 h 35" name="T39"/>
                  <a:gd fmla="*/ 14 w 52" name="T40"/>
                  <a:gd fmla="*/ 35 h 35" name="T41"/>
                  <a:gd fmla="*/ 32 w 52" name="T42"/>
                  <a:gd fmla="*/ 1 h 35" name="T43"/>
                  <a:gd fmla="*/ 38 w 52" name="T44"/>
                  <a:gd fmla="*/ 1 h 35" name="T45"/>
                  <a:gd fmla="*/ 52 w 52" name="T46"/>
                  <a:gd fmla="*/ 24 h 35" name="T47"/>
                  <a:gd fmla="*/ 50 w 52" name="T48"/>
                  <a:gd fmla="*/ 33 h 35" name="T49"/>
                  <a:gd fmla="*/ 42 w 52" name="T50"/>
                  <a:gd fmla="*/ 35 h 35" name="T51"/>
                  <a:gd fmla="*/ 34 w 52" name="T52"/>
                  <a:gd fmla="*/ 33 h 35" name="T53"/>
                  <a:gd fmla="*/ 32 w 52" name="T54"/>
                  <a:gd fmla="*/ 24 h 35" name="T55"/>
                  <a:gd fmla="*/ 35 w 52" name="T56"/>
                  <a:gd fmla="*/ 16 h 35" name="T57"/>
                  <a:gd fmla="*/ 42 w 52" name="T58"/>
                  <a:gd fmla="*/ 13 h 35" name="T59"/>
                  <a:gd fmla="*/ 50 w 52" name="T60"/>
                  <a:gd fmla="*/ 16 h 35" name="T61"/>
                  <a:gd fmla="*/ 52 w 52" name="T62"/>
                  <a:gd fmla="*/ 24 h 35" name="T63"/>
                  <a:gd fmla="*/ 46 w 52" name="T64"/>
                  <a:gd fmla="*/ 24 h 35" name="T65"/>
                  <a:gd fmla="*/ 45 w 52" name="T66"/>
                  <a:gd fmla="*/ 19 h 35" name="T67"/>
                  <a:gd fmla="*/ 42 w 52" name="T68"/>
                  <a:gd fmla="*/ 18 h 35" name="T69"/>
                  <a:gd fmla="*/ 39 w 52" name="T70"/>
                  <a:gd fmla="*/ 19 h 35" name="T71"/>
                  <a:gd fmla="*/ 39 w 52" name="T72"/>
                  <a:gd fmla="*/ 24 h 35" name="T73"/>
                  <a:gd fmla="*/ 39 w 52" name="T74"/>
                  <a:gd fmla="*/ 29 h 35" name="T75"/>
                  <a:gd fmla="*/ 42 w 52" name="T76"/>
                  <a:gd fmla="*/ 31 h 35" name="T77"/>
                  <a:gd fmla="*/ 45 w 52" name="T78"/>
                  <a:gd fmla="*/ 29 h 35" name="T79"/>
                  <a:gd fmla="*/ 46 w 52" name="T80"/>
                  <a:gd fmla="*/ 24 h 35" name="T8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</a:cxnLst>
                <a:rect b="b" l="0" r="r" t="0"/>
                <a:pathLst>
                  <a:path h="35" w="52">
                    <a:moveTo>
                      <a:pt x="20" y="11"/>
                    </a:moveTo>
                    <a:cubicBezTo>
                      <a:pt x="20" y="15"/>
                      <a:pt x="19" y="18"/>
                      <a:pt x="18" y="20"/>
                    </a:cubicBezTo>
                    <a:cubicBezTo>
                      <a:pt x="16" y="21"/>
                      <a:pt x="13" y="22"/>
                      <a:pt x="10" y="22"/>
                    </a:cubicBezTo>
                    <a:cubicBezTo>
                      <a:pt x="7" y="22"/>
                      <a:pt x="4" y="21"/>
                      <a:pt x="2" y="20"/>
                    </a:cubicBezTo>
                    <a:cubicBezTo>
                      <a:pt x="1" y="18"/>
                      <a:pt x="0" y="15"/>
                      <a:pt x="0" y="11"/>
                    </a:cubicBezTo>
                    <a:cubicBezTo>
                      <a:pt x="0" y="8"/>
                      <a:pt x="1" y="5"/>
                      <a:pt x="2" y="3"/>
                    </a:cubicBezTo>
                    <a:cubicBezTo>
                      <a:pt x="4" y="1"/>
                      <a:pt x="7" y="0"/>
                      <a:pt x="10" y="0"/>
                    </a:cubicBezTo>
                    <a:cubicBezTo>
                      <a:pt x="13" y="0"/>
                      <a:pt x="16" y="1"/>
                      <a:pt x="18" y="3"/>
                    </a:cubicBezTo>
                    <a:cubicBezTo>
                      <a:pt x="19" y="5"/>
                      <a:pt x="20" y="8"/>
                      <a:pt x="20" y="11"/>
                    </a:cubicBezTo>
                    <a:moveTo>
                      <a:pt x="14" y="11"/>
                    </a:moveTo>
                    <a:cubicBezTo>
                      <a:pt x="14" y="9"/>
                      <a:pt x="13" y="7"/>
                      <a:pt x="13" y="6"/>
                    </a:cubicBezTo>
                    <a:cubicBezTo>
                      <a:pt x="12" y="5"/>
                      <a:pt x="11" y="5"/>
                      <a:pt x="10" y="5"/>
                    </a:cubicBezTo>
                    <a:cubicBezTo>
                      <a:pt x="9" y="5"/>
                      <a:pt x="8" y="5"/>
                      <a:pt x="7" y="6"/>
                    </a:cubicBezTo>
                    <a:cubicBezTo>
                      <a:pt x="7" y="7"/>
                      <a:pt x="6" y="9"/>
                      <a:pt x="6" y="11"/>
                    </a:cubicBezTo>
                    <a:cubicBezTo>
                      <a:pt x="6" y="14"/>
                      <a:pt x="7" y="15"/>
                      <a:pt x="7" y="16"/>
                    </a:cubicBezTo>
                    <a:cubicBezTo>
                      <a:pt x="8" y="17"/>
                      <a:pt x="9" y="17"/>
                      <a:pt x="10" y="17"/>
                    </a:cubicBezTo>
                    <a:cubicBezTo>
                      <a:pt x="11" y="17"/>
                      <a:pt x="12" y="17"/>
                      <a:pt x="13" y="16"/>
                    </a:cubicBezTo>
                    <a:cubicBezTo>
                      <a:pt x="13" y="15"/>
                      <a:pt x="14" y="14"/>
                      <a:pt x="14" y="11"/>
                    </a:cubicBezTo>
                    <a:moveTo>
                      <a:pt x="38" y="1"/>
                    </a:moveTo>
                    <a:cubicBezTo>
                      <a:pt x="20" y="35"/>
                      <a:pt x="20" y="35"/>
                      <a:pt x="20" y="35"/>
                    </a:cubicBezTo>
                    <a:cubicBezTo>
                      <a:pt x="14" y="35"/>
                      <a:pt x="14" y="35"/>
                      <a:pt x="14" y="35"/>
                    </a:cubicBezTo>
                    <a:cubicBezTo>
                      <a:pt x="32" y="1"/>
                      <a:pt x="32" y="1"/>
                      <a:pt x="32" y="1"/>
                    </a:cubicBezTo>
                    <a:lnTo>
                      <a:pt x="38" y="1"/>
                    </a:lnTo>
                    <a:close/>
                    <a:moveTo>
                      <a:pt x="52" y="24"/>
                    </a:moveTo>
                    <a:cubicBezTo>
                      <a:pt x="52" y="28"/>
                      <a:pt x="52" y="31"/>
                      <a:pt x="50" y="33"/>
                    </a:cubicBezTo>
                    <a:cubicBezTo>
                      <a:pt x="48" y="35"/>
                      <a:pt x="46" y="35"/>
                      <a:pt x="42" y="35"/>
                    </a:cubicBezTo>
                    <a:cubicBezTo>
                      <a:pt x="39" y="35"/>
                      <a:pt x="36" y="35"/>
                      <a:pt x="34" y="33"/>
                    </a:cubicBezTo>
                    <a:cubicBezTo>
                      <a:pt x="33" y="31"/>
                      <a:pt x="32" y="28"/>
                      <a:pt x="32" y="24"/>
                    </a:cubicBezTo>
                    <a:cubicBezTo>
                      <a:pt x="32" y="21"/>
                      <a:pt x="33" y="18"/>
                      <a:pt x="35" y="16"/>
                    </a:cubicBezTo>
                    <a:cubicBezTo>
                      <a:pt x="36" y="14"/>
                      <a:pt x="39" y="13"/>
                      <a:pt x="42" y="13"/>
                    </a:cubicBezTo>
                    <a:cubicBezTo>
                      <a:pt x="46" y="13"/>
                      <a:pt x="48" y="14"/>
                      <a:pt x="50" y="16"/>
                    </a:cubicBezTo>
                    <a:cubicBezTo>
                      <a:pt x="52" y="18"/>
                      <a:pt x="52" y="21"/>
                      <a:pt x="52" y="24"/>
                    </a:cubicBezTo>
                    <a:moveTo>
                      <a:pt x="46" y="24"/>
                    </a:moveTo>
                    <a:cubicBezTo>
                      <a:pt x="46" y="22"/>
                      <a:pt x="45" y="20"/>
                      <a:pt x="45" y="19"/>
                    </a:cubicBezTo>
                    <a:cubicBezTo>
                      <a:pt x="44" y="19"/>
                      <a:pt x="43" y="18"/>
                      <a:pt x="42" y="18"/>
                    </a:cubicBezTo>
                    <a:cubicBezTo>
                      <a:pt x="41" y="18"/>
                      <a:pt x="40" y="19"/>
                      <a:pt x="39" y="19"/>
                    </a:cubicBezTo>
                    <a:cubicBezTo>
                      <a:pt x="39" y="20"/>
                      <a:pt x="39" y="22"/>
                      <a:pt x="39" y="24"/>
                    </a:cubicBezTo>
                    <a:cubicBezTo>
                      <a:pt x="39" y="27"/>
                      <a:pt x="39" y="28"/>
                      <a:pt x="39" y="29"/>
                    </a:cubicBezTo>
                    <a:cubicBezTo>
                      <a:pt x="40" y="30"/>
                      <a:pt x="41" y="31"/>
                      <a:pt x="42" y="31"/>
                    </a:cubicBezTo>
                    <a:cubicBezTo>
                      <a:pt x="43" y="31"/>
                      <a:pt x="44" y="30"/>
                      <a:pt x="45" y="29"/>
                    </a:cubicBezTo>
                    <a:cubicBezTo>
                      <a:pt x="45" y="28"/>
                      <a:pt x="46" y="27"/>
                      <a:pt x="46" y="24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5" name="Freeform 62"/>
              <p:cNvSpPr/>
              <p:nvPr/>
            </p:nvSpPr>
            <p:spPr bwMode="auto">
              <a:xfrm>
                <a:off x="3167" y="2381"/>
                <a:ext cx="61" cy="82"/>
              </a:xfrm>
              <a:custGeom>
                <a:gdLst>
                  <a:gd fmla="*/ 26 w 26" name="T0"/>
                  <a:gd fmla="*/ 23 h 35" name="T1"/>
                  <a:gd fmla="*/ 25 w 26" name="T2"/>
                  <a:gd fmla="*/ 27 h 35" name="T3"/>
                  <a:gd fmla="*/ 23 w 26" name="T4"/>
                  <a:gd fmla="*/ 31 h 35" name="T5"/>
                  <a:gd fmla="*/ 18 w 26" name="T6"/>
                  <a:gd fmla="*/ 34 h 35" name="T7"/>
                  <a:gd fmla="*/ 12 w 26" name="T8"/>
                  <a:gd fmla="*/ 35 h 35" name="T9"/>
                  <a:gd fmla="*/ 5 w 26" name="T10"/>
                  <a:gd fmla="*/ 34 h 35" name="T11"/>
                  <a:gd fmla="*/ 0 w 26" name="T12"/>
                  <a:gd fmla="*/ 33 h 35" name="T13"/>
                  <a:gd fmla="*/ 0 w 26" name="T14"/>
                  <a:gd fmla="*/ 25 h 35" name="T15"/>
                  <a:gd fmla="*/ 1 w 26" name="T16"/>
                  <a:gd fmla="*/ 25 h 35" name="T17"/>
                  <a:gd fmla="*/ 5 w 26" name="T18"/>
                  <a:gd fmla="*/ 27 h 35" name="T19"/>
                  <a:gd fmla="*/ 10 w 26" name="T20"/>
                  <a:gd fmla="*/ 28 h 35" name="T21"/>
                  <a:gd fmla="*/ 13 w 26" name="T22"/>
                  <a:gd fmla="*/ 28 h 35" name="T23"/>
                  <a:gd fmla="*/ 16 w 26" name="T24"/>
                  <a:gd fmla="*/ 27 h 35" name="T25"/>
                  <a:gd fmla="*/ 17 w 26" name="T26"/>
                  <a:gd fmla="*/ 25 h 35" name="T27"/>
                  <a:gd fmla="*/ 18 w 26" name="T28"/>
                  <a:gd fmla="*/ 23 h 35" name="T29"/>
                  <a:gd fmla="*/ 17 w 26" name="T30"/>
                  <a:gd fmla="*/ 21 h 35" name="T31"/>
                  <a:gd fmla="*/ 16 w 26" name="T32"/>
                  <a:gd fmla="*/ 19 h 35" name="T33"/>
                  <a:gd fmla="*/ 13 w 26" name="T34"/>
                  <a:gd fmla="*/ 18 h 35" name="T35"/>
                  <a:gd fmla="*/ 10 w 26" name="T36"/>
                  <a:gd fmla="*/ 18 h 35" name="T37"/>
                  <a:gd fmla="*/ 6 w 26" name="T38"/>
                  <a:gd fmla="*/ 19 h 35" name="T39"/>
                  <a:gd fmla="*/ 2 w 26" name="T40"/>
                  <a:gd fmla="*/ 19 h 35" name="T41"/>
                  <a:gd fmla="*/ 1 w 26" name="T42"/>
                  <a:gd fmla="*/ 19 h 35" name="T43"/>
                  <a:gd fmla="*/ 1 w 26" name="T44"/>
                  <a:gd fmla="*/ 0 h 35" name="T45"/>
                  <a:gd fmla="*/ 25 w 26" name="T46"/>
                  <a:gd fmla="*/ 0 h 35" name="T47"/>
                  <a:gd fmla="*/ 25 w 26" name="T48"/>
                  <a:gd fmla="*/ 7 h 35" name="T49"/>
                  <a:gd fmla="*/ 10 w 26" name="T50"/>
                  <a:gd fmla="*/ 7 h 35" name="T51"/>
                  <a:gd fmla="*/ 10 w 26" name="T52"/>
                  <a:gd fmla="*/ 12 h 35" name="T53"/>
                  <a:gd fmla="*/ 11 w 26" name="T54"/>
                  <a:gd fmla="*/ 12 h 35" name="T55"/>
                  <a:gd fmla="*/ 13 w 26" name="T56"/>
                  <a:gd fmla="*/ 12 h 35" name="T57"/>
                  <a:gd fmla="*/ 18 w 26" name="T58"/>
                  <a:gd fmla="*/ 13 h 35" name="T59"/>
                  <a:gd fmla="*/ 22 w 26" name="T60"/>
                  <a:gd fmla="*/ 14 h 35" name="T61"/>
                  <a:gd fmla="*/ 25 w 26" name="T62"/>
                  <a:gd fmla="*/ 17 h 35" name="T63"/>
                  <a:gd fmla="*/ 26 w 26" name="T64"/>
                  <a:gd fmla="*/ 23 h 35" name="T65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b="b" l="0" r="r" t="0"/>
                <a:pathLst>
                  <a:path h="35" w="26">
                    <a:moveTo>
                      <a:pt x="26" y="23"/>
                    </a:moveTo>
                    <a:cubicBezTo>
                      <a:pt x="26" y="24"/>
                      <a:pt x="26" y="26"/>
                      <a:pt x="25" y="27"/>
                    </a:cubicBezTo>
                    <a:cubicBezTo>
                      <a:pt x="25" y="29"/>
                      <a:pt x="24" y="30"/>
                      <a:pt x="23" y="31"/>
                    </a:cubicBezTo>
                    <a:cubicBezTo>
                      <a:pt x="21" y="32"/>
                      <a:pt x="20" y="33"/>
                      <a:pt x="18" y="34"/>
                    </a:cubicBezTo>
                    <a:cubicBezTo>
                      <a:pt x="16" y="34"/>
                      <a:pt x="14" y="35"/>
                      <a:pt x="12" y="35"/>
                    </a:cubicBezTo>
                    <a:cubicBezTo>
                      <a:pt x="9" y="35"/>
                      <a:pt x="7" y="34"/>
                      <a:pt x="5" y="34"/>
                    </a:cubicBezTo>
                    <a:cubicBezTo>
                      <a:pt x="3" y="34"/>
                      <a:pt x="1" y="33"/>
                      <a:pt x="0" y="33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1" y="25"/>
                      <a:pt x="1" y="25"/>
                      <a:pt x="1" y="25"/>
                    </a:cubicBezTo>
                    <a:cubicBezTo>
                      <a:pt x="2" y="26"/>
                      <a:pt x="4" y="27"/>
                      <a:pt x="5" y="27"/>
                    </a:cubicBezTo>
                    <a:cubicBezTo>
                      <a:pt x="7" y="28"/>
                      <a:pt x="9" y="28"/>
                      <a:pt x="10" y="28"/>
                    </a:cubicBezTo>
                    <a:cubicBezTo>
                      <a:pt x="11" y="28"/>
                      <a:pt x="12" y="28"/>
                      <a:pt x="13" y="28"/>
                    </a:cubicBezTo>
                    <a:cubicBezTo>
                      <a:pt x="14" y="27"/>
                      <a:pt x="15" y="27"/>
                      <a:pt x="16" y="27"/>
                    </a:cubicBezTo>
                    <a:cubicBezTo>
                      <a:pt x="17" y="26"/>
                      <a:pt x="17" y="26"/>
                      <a:pt x="17" y="25"/>
                    </a:cubicBezTo>
                    <a:cubicBezTo>
                      <a:pt x="17" y="25"/>
                      <a:pt x="18" y="24"/>
                      <a:pt x="18" y="23"/>
                    </a:cubicBezTo>
                    <a:cubicBezTo>
                      <a:pt x="18" y="22"/>
                      <a:pt x="17" y="21"/>
                      <a:pt x="17" y="21"/>
                    </a:cubicBezTo>
                    <a:cubicBezTo>
                      <a:pt x="17" y="20"/>
                      <a:pt x="16" y="20"/>
                      <a:pt x="16" y="19"/>
                    </a:cubicBezTo>
                    <a:cubicBezTo>
                      <a:pt x="15" y="19"/>
                      <a:pt x="14" y="19"/>
                      <a:pt x="13" y="18"/>
                    </a:cubicBezTo>
                    <a:cubicBezTo>
                      <a:pt x="12" y="18"/>
                      <a:pt x="11" y="18"/>
                      <a:pt x="10" y="18"/>
                    </a:cubicBezTo>
                    <a:cubicBezTo>
                      <a:pt x="8" y="18"/>
                      <a:pt x="7" y="18"/>
                      <a:pt x="6" y="19"/>
                    </a:cubicBezTo>
                    <a:cubicBezTo>
                      <a:pt x="4" y="19"/>
                      <a:pt x="3" y="19"/>
                      <a:pt x="2" y="19"/>
                    </a:cubicBezTo>
                    <a:cubicBezTo>
                      <a:pt x="1" y="19"/>
                      <a:pt x="1" y="19"/>
                      <a:pt x="1" y="19"/>
                    </a:cubicBezTo>
                    <a:cubicBezTo>
                      <a:pt x="1" y="0"/>
                      <a:pt x="1" y="0"/>
                      <a:pt x="1" y="0"/>
                    </a:cubicBezTo>
                    <a:cubicBezTo>
                      <a:pt x="25" y="0"/>
                      <a:pt x="25" y="0"/>
                      <a:pt x="25" y="0"/>
                    </a:cubicBezTo>
                    <a:cubicBezTo>
                      <a:pt x="25" y="7"/>
                      <a:pt x="25" y="7"/>
                      <a:pt x="25" y="7"/>
                    </a:cubicBezTo>
                    <a:cubicBezTo>
                      <a:pt x="10" y="7"/>
                      <a:pt x="10" y="7"/>
                      <a:pt x="10" y="7"/>
                    </a:cubicBezTo>
                    <a:cubicBezTo>
                      <a:pt x="10" y="12"/>
                      <a:pt x="10" y="12"/>
                      <a:pt x="10" y="12"/>
                    </a:cubicBezTo>
                    <a:cubicBezTo>
                      <a:pt x="10" y="12"/>
                      <a:pt x="11" y="12"/>
                      <a:pt x="11" y="12"/>
                    </a:cubicBezTo>
                    <a:cubicBezTo>
                      <a:pt x="12" y="12"/>
                      <a:pt x="13" y="12"/>
                      <a:pt x="13" y="12"/>
                    </a:cubicBezTo>
                    <a:cubicBezTo>
                      <a:pt x="15" y="12"/>
                      <a:pt x="17" y="12"/>
                      <a:pt x="18" y="13"/>
                    </a:cubicBezTo>
                    <a:cubicBezTo>
                      <a:pt x="20" y="13"/>
                      <a:pt x="21" y="13"/>
                      <a:pt x="22" y="14"/>
                    </a:cubicBezTo>
                    <a:cubicBezTo>
                      <a:pt x="23" y="15"/>
                      <a:pt x="24" y="16"/>
                      <a:pt x="25" y="17"/>
                    </a:cubicBezTo>
                    <a:cubicBezTo>
                      <a:pt x="26" y="19"/>
                      <a:pt x="26" y="20"/>
                      <a:pt x="26" y="23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6" name="Freeform 63"/>
              <p:cNvSpPr>
                <a:spLocks noEditPoints="1"/>
              </p:cNvSpPr>
              <p:nvPr/>
            </p:nvSpPr>
            <p:spPr bwMode="auto">
              <a:xfrm>
                <a:off x="3243" y="2378"/>
                <a:ext cx="66" cy="85"/>
              </a:xfrm>
              <a:custGeom>
                <a:gdLst>
                  <a:gd fmla="*/ 28 w 28" name="T0"/>
                  <a:gd fmla="*/ 18 h 36" name="T1"/>
                  <a:gd fmla="*/ 27 w 28" name="T2"/>
                  <a:gd fmla="*/ 26 h 36" name="T3"/>
                  <a:gd fmla="*/ 25 w 28" name="T4"/>
                  <a:gd fmla="*/ 31 h 36" name="T5"/>
                  <a:gd fmla="*/ 21 w 28" name="T6"/>
                  <a:gd fmla="*/ 35 h 36" name="T7"/>
                  <a:gd fmla="*/ 14 w 28" name="T8"/>
                  <a:gd fmla="*/ 36 h 36" name="T9"/>
                  <a:gd fmla="*/ 8 w 28" name="T10"/>
                  <a:gd fmla="*/ 35 h 36" name="T11"/>
                  <a:gd fmla="*/ 3 w 28" name="T12"/>
                  <a:gd fmla="*/ 31 h 36" name="T13"/>
                  <a:gd fmla="*/ 1 w 28" name="T14"/>
                  <a:gd fmla="*/ 26 h 36" name="T15"/>
                  <a:gd fmla="*/ 0 w 28" name="T16"/>
                  <a:gd fmla="*/ 18 h 36" name="T17"/>
                  <a:gd fmla="*/ 1 w 28" name="T18"/>
                  <a:gd fmla="*/ 10 h 36" name="T19"/>
                  <a:gd fmla="*/ 3 w 28" name="T20"/>
                  <a:gd fmla="*/ 5 h 36" name="T21"/>
                  <a:gd fmla="*/ 8 w 28" name="T22"/>
                  <a:gd fmla="*/ 2 h 36" name="T23"/>
                  <a:gd fmla="*/ 14 w 28" name="T24"/>
                  <a:gd fmla="*/ 0 h 36" name="T25"/>
                  <a:gd fmla="*/ 21 w 28" name="T26"/>
                  <a:gd fmla="*/ 2 h 36" name="T27"/>
                  <a:gd fmla="*/ 25 w 28" name="T28"/>
                  <a:gd fmla="*/ 5 h 36" name="T29"/>
                  <a:gd fmla="*/ 27 w 28" name="T30"/>
                  <a:gd fmla="*/ 11 h 36" name="T31"/>
                  <a:gd fmla="*/ 28 w 28" name="T32"/>
                  <a:gd fmla="*/ 18 h 36" name="T33"/>
                  <a:gd fmla="*/ 19 w 28" name="T34"/>
                  <a:gd fmla="*/ 18 h 36" name="T35"/>
                  <a:gd fmla="*/ 18 w 28" name="T36"/>
                  <a:gd fmla="*/ 9 h 36" name="T37"/>
                  <a:gd fmla="*/ 14 w 28" name="T38"/>
                  <a:gd fmla="*/ 7 h 36" name="T39"/>
                  <a:gd fmla="*/ 10 w 28" name="T40"/>
                  <a:gd fmla="*/ 9 h 36" name="T41"/>
                  <a:gd fmla="*/ 9 w 28" name="T42"/>
                  <a:gd fmla="*/ 18 h 36" name="T43"/>
                  <a:gd fmla="*/ 10 w 28" name="T44"/>
                  <a:gd fmla="*/ 27 h 36" name="T45"/>
                  <a:gd fmla="*/ 14 w 28" name="T46"/>
                  <a:gd fmla="*/ 29 h 36" name="T47"/>
                  <a:gd fmla="*/ 18 w 28" name="T48"/>
                  <a:gd fmla="*/ 27 h 36" name="T49"/>
                  <a:gd fmla="*/ 19 w 28" name="T50"/>
                  <a:gd fmla="*/ 18 h 36" name="T5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</a:cxnLst>
                <a:rect b="b" l="0" r="r" t="0"/>
                <a:pathLst>
                  <a:path h="36" w="28">
                    <a:moveTo>
                      <a:pt x="28" y="18"/>
                    </a:moveTo>
                    <a:cubicBezTo>
                      <a:pt x="28" y="21"/>
                      <a:pt x="28" y="23"/>
                      <a:pt x="27" y="26"/>
                    </a:cubicBezTo>
                    <a:cubicBezTo>
                      <a:pt x="27" y="28"/>
                      <a:pt x="26" y="30"/>
                      <a:pt x="25" y="31"/>
                    </a:cubicBezTo>
                    <a:cubicBezTo>
                      <a:pt x="24" y="33"/>
                      <a:pt x="22" y="34"/>
                      <a:pt x="21" y="35"/>
                    </a:cubicBezTo>
                    <a:cubicBezTo>
                      <a:pt x="19" y="35"/>
                      <a:pt x="17" y="36"/>
                      <a:pt x="14" y="36"/>
                    </a:cubicBezTo>
                    <a:cubicBezTo>
                      <a:pt x="11" y="36"/>
                      <a:pt x="9" y="35"/>
                      <a:pt x="8" y="35"/>
                    </a:cubicBezTo>
                    <a:cubicBezTo>
                      <a:pt x="6" y="34"/>
                      <a:pt x="4" y="33"/>
                      <a:pt x="3" y="31"/>
                    </a:cubicBezTo>
                    <a:cubicBezTo>
                      <a:pt x="2" y="30"/>
                      <a:pt x="1" y="28"/>
                      <a:pt x="1" y="26"/>
                    </a:cubicBezTo>
                    <a:cubicBezTo>
                      <a:pt x="0" y="23"/>
                      <a:pt x="0" y="21"/>
                      <a:pt x="0" y="18"/>
                    </a:cubicBezTo>
                    <a:cubicBezTo>
                      <a:pt x="0" y="15"/>
                      <a:pt x="0" y="13"/>
                      <a:pt x="1" y="10"/>
                    </a:cubicBezTo>
                    <a:cubicBezTo>
                      <a:pt x="1" y="8"/>
                      <a:pt x="2" y="6"/>
                      <a:pt x="3" y="5"/>
                    </a:cubicBezTo>
                    <a:cubicBezTo>
                      <a:pt x="4" y="3"/>
                      <a:pt x="6" y="2"/>
                      <a:pt x="8" y="2"/>
                    </a:cubicBezTo>
                    <a:cubicBezTo>
                      <a:pt x="9" y="1"/>
                      <a:pt x="12" y="0"/>
                      <a:pt x="14" y="0"/>
                    </a:cubicBezTo>
                    <a:cubicBezTo>
                      <a:pt x="17" y="0"/>
                      <a:pt x="19" y="1"/>
                      <a:pt x="21" y="2"/>
                    </a:cubicBezTo>
                    <a:cubicBezTo>
                      <a:pt x="22" y="2"/>
                      <a:pt x="24" y="3"/>
                      <a:pt x="25" y="5"/>
                    </a:cubicBezTo>
                    <a:cubicBezTo>
                      <a:pt x="26" y="6"/>
                      <a:pt x="27" y="8"/>
                      <a:pt x="27" y="11"/>
                    </a:cubicBezTo>
                    <a:cubicBezTo>
                      <a:pt x="28" y="13"/>
                      <a:pt x="28" y="15"/>
                      <a:pt x="28" y="18"/>
                    </a:cubicBezTo>
                    <a:moveTo>
                      <a:pt x="19" y="18"/>
                    </a:moveTo>
                    <a:cubicBezTo>
                      <a:pt x="19" y="14"/>
                      <a:pt x="19" y="11"/>
                      <a:pt x="18" y="9"/>
                    </a:cubicBezTo>
                    <a:cubicBezTo>
                      <a:pt x="17" y="8"/>
                      <a:pt x="16" y="7"/>
                      <a:pt x="14" y="7"/>
                    </a:cubicBezTo>
                    <a:cubicBezTo>
                      <a:pt x="12" y="7"/>
                      <a:pt x="11" y="8"/>
                      <a:pt x="10" y="9"/>
                    </a:cubicBezTo>
                    <a:cubicBezTo>
                      <a:pt x="9" y="11"/>
                      <a:pt x="9" y="14"/>
                      <a:pt x="9" y="18"/>
                    </a:cubicBezTo>
                    <a:cubicBezTo>
                      <a:pt x="9" y="22"/>
                      <a:pt x="9" y="25"/>
                      <a:pt x="10" y="27"/>
                    </a:cubicBezTo>
                    <a:cubicBezTo>
                      <a:pt x="11" y="29"/>
                      <a:pt x="12" y="29"/>
                      <a:pt x="14" y="29"/>
                    </a:cubicBezTo>
                    <a:cubicBezTo>
                      <a:pt x="16" y="29"/>
                      <a:pt x="17" y="29"/>
                      <a:pt x="18" y="27"/>
                    </a:cubicBezTo>
                    <a:cubicBezTo>
                      <a:pt x="19" y="25"/>
                      <a:pt x="19" y="22"/>
                      <a:pt x="19" y="18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7" name="Freeform 64"/>
              <p:cNvSpPr>
                <a:spLocks noEditPoints="1"/>
              </p:cNvSpPr>
              <p:nvPr/>
            </p:nvSpPr>
            <p:spPr bwMode="auto">
              <a:xfrm>
                <a:off x="3323" y="2378"/>
                <a:ext cx="125" cy="85"/>
              </a:xfrm>
              <a:custGeom>
                <a:gdLst>
                  <a:gd fmla="*/ 20 w 53" name="T0"/>
                  <a:gd fmla="*/ 11 h 36" name="T1"/>
                  <a:gd fmla="*/ 18 w 53" name="T2"/>
                  <a:gd fmla="*/ 20 h 36" name="T3"/>
                  <a:gd fmla="*/ 10 w 53" name="T4"/>
                  <a:gd fmla="*/ 23 h 36" name="T5"/>
                  <a:gd fmla="*/ 2 w 53" name="T6"/>
                  <a:gd fmla="*/ 20 h 36" name="T7"/>
                  <a:gd fmla="*/ 0 w 53" name="T8"/>
                  <a:gd fmla="*/ 12 h 36" name="T9"/>
                  <a:gd fmla="*/ 2 w 53" name="T10"/>
                  <a:gd fmla="*/ 3 h 36" name="T11"/>
                  <a:gd fmla="*/ 10 w 53" name="T12"/>
                  <a:gd fmla="*/ 0 h 36" name="T13"/>
                  <a:gd fmla="*/ 18 w 53" name="T14"/>
                  <a:gd fmla="*/ 3 h 36" name="T15"/>
                  <a:gd fmla="*/ 20 w 53" name="T16"/>
                  <a:gd fmla="*/ 11 h 36" name="T17"/>
                  <a:gd fmla="*/ 14 w 53" name="T18"/>
                  <a:gd fmla="*/ 12 h 36" name="T19"/>
                  <a:gd fmla="*/ 13 w 53" name="T20"/>
                  <a:gd fmla="*/ 7 h 36" name="T21"/>
                  <a:gd fmla="*/ 10 w 53" name="T22"/>
                  <a:gd fmla="*/ 5 h 36" name="T23"/>
                  <a:gd fmla="*/ 7 w 53" name="T24"/>
                  <a:gd fmla="*/ 7 h 36" name="T25"/>
                  <a:gd fmla="*/ 7 w 53" name="T26"/>
                  <a:gd fmla="*/ 12 h 36" name="T27"/>
                  <a:gd fmla="*/ 7 w 53" name="T28"/>
                  <a:gd fmla="*/ 16 h 36" name="T29"/>
                  <a:gd fmla="*/ 10 w 53" name="T30"/>
                  <a:gd fmla="*/ 18 h 36" name="T31"/>
                  <a:gd fmla="*/ 13 w 53" name="T32"/>
                  <a:gd fmla="*/ 16 h 36" name="T33"/>
                  <a:gd fmla="*/ 14 w 53" name="T34"/>
                  <a:gd fmla="*/ 12 h 36" name="T35"/>
                  <a:gd fmla="*/ 38 w 53" name="T36"/>
                  <a:gd fmla="*/ 1 h 36" name="T37"/>
                  <a:gd fmla="*/ 20 w 53" name="T38"/>
                  <a:gd fmla="*/ 35 h 36" name="T39"/>
                  <a:gd fmla="*/ 14 w 53" name="T40"/>
                  <a:gd fmla="*/ 35 h 36" name="T41"/>
                  <a:gd fmla="*/ 32 w 53" name="T42"/>
                  <a:gd fmla="*/ 1 h 36" name="T43"/>
                  <a:gd fmla="*/ 38 w 53" name="T44"/>
                  <a:gd fmla="*/ 1 h 36" name="T45"/>
                  <a:gd fmla="*/ 53 w 53" name="T46"/>
                  <a:gd fmla="*/ 25 h 36" name="T47"/>
                  <a:gd fmla="*/ 50 w 53" name="T48"/>
                  <a:gd fmla="*/ 33 h 36" name="T49"/>
                  <a:gd fmla="*/ 42 w 53" name="T50"/>
                  <a:gd fmla="*/ 36 h 36" name="T51"/>
                  <a:gd fmla="*/ 35 w 53" name="T52"/>
                  <a:gd fmla="*/ 33 h 36" name="T53"/>
                  <a:gd fmla="*/ 32 w 53" name="T54"/>
                  <a:gd fmla="*/ 25 h 36" name="T55"/>
                  <a:gd fmla="*/ 35 w 53" name="T56"/>
                  <a:gd fmla="*/ 16 h 36" name="T57"/>
                  <a:gd fmla="*/ 42 w 53" name="T58"/>
                  <a:gd fmla="*/ 14 h 36" name="T59"/>
                  <a:gd fmla="*/ 50 w 53" name="T60"/>
                  <a:gd fmla="*/ 16 h 36" name="T61"/>
                  <a:gd fmla="*/ 53 w 53" name="T62"/>
                  <a:gd fmla="*/ 25 h 36" name="T63"/>
                  <a:gd fmla="*/ 46 w 53" name="T64"/>
                  <a:gd fmla="*/ 25 h 36" name="T65"/>
                  <a:gd fmla="*/ 45 w 53" name="T66"/>
                  <a:gd fmla="*/ 20 h 36" name="T67"/>
                  <a:gd fmla="*/ 42 w 53" name="T68"/>
                  <a:gd fmla="*/ 18 h 36" name="T69"/>
                  <a:gd fmla="*/ 39 w 53" name="T70"/>
                  <a:gd fmla="*/ 20 h 36" name="T71"/>
                  <a:gd fmla="*/ 39 w 53" name="T72"/>
                  <a:gd fmla="*/ 25 h 36" name="T73"/>
                  <a:gd fmla="*/ 39 w 53" name="T74"/>
                  <a:gd fmla="*/ 30 h 36" name="T75"/>
                  <a:gd fmla="*/ 42 w 53" name="T76"/>
                  <a:gd fmla="*/ 31 h 36" name="T77"/>
                  <a:gd fmla="*/ 45 w 53" name="T78"/>
                  <a:gd fmla="*/ 30 h 36" name="T79"/>
                  <a:gd fmla="*/ 46 w 53" name="T80"/>
                  <a:gd fmla="*/ 25 h 36" name="T8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</a:cxnLst>
                <a:rect b="b" l="0" r="r" t="0"/>
                <a:pathLst>
                  <a:path h="36" w="52">
                    <a:moveTo>
                      <a:pt x="20" y="11"/>
                    </a:moveTo>
                    <a:cubicBezTo>
                      <a:pt x="20" y="15"/>
                      <a:pt x="20" y="18"/>
                      <a:pt x="18" y="20"/>
                    </a:cubicBezTo>
                    <a:cubicBezTo>
                      <a:pt x="16" y="22"/>
                      <a:pt x="14" y="23"/>
                      <a:pt x="10" y="23"/>
                    </a:cubicBezTo>
                    <a:cubicBezTo>
                      <a:pt x="7" y="23"/>
                      <a:pt x="4" y="22"/>
                      <a:pt x="2" y="20"/>
                    </a:cubicBezTo>
                    <a:cubicBezTo>
                      <a:pt x="1" y="18"/>
                      <a:pt x="0" y="15"/>
                      <a:pt x="0" y="12"/>
                    </a:cubicBezTo>
                    <a:cubicBezTo>
                      <a:pt x="0" y="8"/>
                      <a:pt x="1" y="5"/>
                      <a:pt x="2" y="3"/>
                    </a:cubicBezTo>
                    <a:cubicBezTo>
                      <a:pt x="4" y="1"/>
                      <a:pt x="7" y="0"/>
                      <a:pt x="10" y="0"/>
                    </a:cubicBezTo>
                    <a:cubicBezTo>
                      <a:pt x="14" y="0"/>
                      <a:pt x="16" y="1"/>
                      <a:pt x="18" y="3"/>
                    </a:cubicBezTo>
                    <a:cubicBezTo>
                      <a:pt x="20" y="5"/>
                      <a:pt x="20" y="8"/>
                      <a:pt x="20" y="11"/>
                    </a:cubicBezTo>
                    <a:moveTo>
                      <a:pt x="14" y="12"/>
                    </a:moveTo>
                    <a:cubicBezTo>
                      <a:pt x="14" y="9"/>
                      <a:pt x="13" y="7"/>
                      <a:pt x="13" y="7"/>
                    </a:cubicBezTo>
                    <a:cubicBezTo>
                      <a:pt x="12" y="6"/>
                      <a:pt x="11" y="5"/>
                      <a:pt x="10" y="5"/>
                    </a:cubicBezTo>
                    <a:cubicBezTo>
                      <a:pt x="9" y="5"/>
                      <a:pt x="8" y="6"/>
                      <a:pt x="7" y="7"/>
                    </a:cubicBezTo>
                    <a:cubicBezTo>
                      <a:pt x="7" y="7"/>
                      <a:pt x="7" y="9"/>
                      <a:pt x="7" y="12"/>
                    </a:cubicBezTo>
                    <a:cubicBezTo>
                      <a:pt x="7" y="14"/>
                      <a:pt x="7" y="16"/>
                      <a:pt x="7" y="16"/>
                    </a:cubicBezTo>
                    <a:cubicBezTo>
                      <a:pt x="8" y="17"/>
                      <a:pt x="9" y="18"/>
                      <a:pt x="10" y="18"/>
                    </a:cubicBezTo>
                    <a:cubicBezTo>
                      <a:pt x="11" y="18"/>
                      <a:pt x="12" y="17"/>
                      <a:pt x="13" y="16"/>
                    </a:cubicBezTo>
                    <a:cubicBezTo>
                      <a:pt x="13" y="16"/>
                      <a:pt x="14" y="14"/>
                      <a:pt x="14" y="12"/>
                    </a:cubicBezTo>
                    <a:moveTo>
                      <a:pt x="38" y="1"/>
                    </a:moveTo>
                    <a:cubicBezTo>
                      <a:pt x="20" y="35"/>
                      <a:pt x="20" y="35"/>
                      <a:pt x="20" y="35"/>
                    </a:cubicBezTo>
                    <a:cubicBezTo>
                      <a:pt x="14" y="35"/>
                      <a:pt x="14" y="35"/>
                      <a:pt x="14" y="35"/>
                    </a:cubicBezTo>
                    <a:cubicBezTo>
                      <a:pt x="32" y="1"/>
                      <a:pt x="32" y="1"/>
                      <a:pt x="32" y="1"/>
                    </a:cubicBezTo>
                    <a:lnTo>
                      <a:pt x="38" y="1"/>
                    </a:lnTo>
                    <a:close/>
                    <a:moveTo>
                      <a:pt x="53" y="25"/>
                    </a:moveTo>
                    <a:cubicBezTo>
                      <a:pt x="53" y="28"/>
                      <a:pt x="52" y="31"/>
                      <a:pt x="50" y="33"/>
                    </a:cubicBezTo>
                    <a:cubicBezTo>
                      <a:pt x="48" y="35"/>
                      <a:pt x="46" y="36"/>
                      <a:pt x="42" y="36"/>
                    </a:cubicBezTo>
                    <a:cubicBezTo>
                      <a:pt x="39" y="36"/>
                      <a:pt x="36" y="35"/>
                      <a:pt x="35" y="33"/>
                    </a:cubicBezTo>
                    <a:cubicBezTo>
                      <a:pt x="33" y="31"/>
                      <a:pt x="32" y="28"/>
                      <a:pt x="32" y="25"/>
                    </a:cubicBezTo>
                    <a:cubicBezTo>
                      <a:pt x="32" y="21"/>
                      <a:pt x="33" y="18"/>
                      <a:pt x="35" y="16"/>
                    </a:cubicBezTo>
                    <a:cubicBezTo>
                      <a:pt x="36" y="15"/>
                      <a:pt x="39" y="14"/>
                      <a:pt x="42" y="14"/>
                    </a:cubicBezTo>
                    <a:cubicBezTo>
                      <a:pt x="46" y="14"/>
                      <a:pt x="48" y="15"/>
                      <a:pt x="50" y="16"/>
                    </a:cubicBezTo>
                    <a:cubicBezTo>
                      <a:pt x="52" y="18"/>
                      <a:pt x="53" y="21"/>
                      <a:pt x="53" y="25"/>
                    </a:cubicBezTo>
                    <a:moveTo>
                      <a:pt x="46" y="25"/>
                    </a:moveTo>
                    <a:cubicBezTo>
                      <a:pt x="46" y="22"/>
                      <a:pt x="46" y="21"/>
                      <a:pt x="45" y="20"/>
                    </a:cubicBezTo>
                    <a:cubicBezTo>
                      <a:pt x="44" y="19"/>
                      <a:pt x="43" y="18"/>
                      <a:pt x="42" y="18"/>
                    </a:cubicBezTo>
                    <a:cubicBezTo>
                      <a:pt x="41" y="18"/>
                      <a:pt x="40" y="19"/>
                      <a:pt x="39" y="20"/>
                    </a:cubicBezTo>
                    <a:cubicBezTo>
                      <a:pt x="39" y="21"/>
                      <a:pt x="39" y="22"/>
                      <a:pt x="39" y="25"/>
                    </a:cubicBezTo>
                    <a:cubicBezTo>
                      <a:pt x="39" y="27"/>
                      <a:pt x="39" y="29"/>
                      <a:pt x="39" y="30"/>
                    </a:cubicBezTo>
                    <a:cubicBezTo>
                      <a:pt x="40" y="30"/>
                      <a:pt x="41" y="31"/>
                      <a:pt x="42" y="31"/>
                    </a:cubicBezTo>
                    <a:cubicBezTo>
                      <a:pt x="43" y="31"/>
                      <a:pt x="44" y="30"/>
                      <a:pt x="45" y="30"/>
                    </a:cubicBezTo>
                    <a:cubicBezTo>
                      <a:pt x="46" y="29"/>
                      <a:pt x="46" y="27"/>
                      <a:pt x="46" y="25"/>
                    </a:cubicBezTo>
                  </a:path>
                </a:pathLst>
              </a:custGeom>
              <a:solidFill>
                <a:srgbClr val="F2F3F4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12" name="矩形 11"/>
            <p:cNvSpPr/>
            <p:nvPr/>
          </p:nvSpPr>
          <p:spPr>
            <a:xfrm>
              <a:off x="3189046" y="3877469"/>
              <a:ext cx="487680" cy="34544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>
                <a:lnSpc>
                  <a:spcPts val="2000"/>
                </a:lnSpc>
              </a:pPr>
              <a:r>
                <a:rPr altLang="en-US" kern="0" lang="zh-CN" sz="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添加文字</a:t>
              </a:r>
            </a:p>
          </p:txBody>
        </p:sp>
        <p:sp>
          <p:nvSpPr>
            <p:cNvPr id="13" name="矩形 12"/>
            <p:cNvSpPr/>
            <p:nvPr/>
          </p:nvSpPr>
          <p:spPr>
            <a:xfrm>
              <a:off x="4112969" y="3877469"/>
              <a:ext cx="487680" cy="34544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>
                <a:lnSpc>
                  <a:spcPts val="2000"/>
                </a:lnSpc>
              </a:pPr>
              <a:r>
                <a:rPr altLang="en-US" kern="0" lang="zh-CN" sz="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添加文字</a:t>
              </a:r>
            </a:p>
          </p:txBody>
        </p:sp>
        <p:sp>
          <p:nvSpPr>
            <p:cNvPr id="14" name="矩形 13"/>
            <p:cNvSpPr/>
            <p:nvPr/>
          </p:nvSpPr>
          <p:spPr>
            <a:xfrm>
              <a:off x="4994031" y="3877469"/>
              <a:ext cx="487680" cy="34544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>
                <a:lnSpc>
                  <a:spcPts val="2000"/>
                </a:lnSpc>
              </a:pPr>
              <a:r>
                <a:rPr altLang="en-US" kern="0" lang="zh-CN" sz="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添加文字</a:t>
              </a: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4818701" y="4884688"/>
            <a:ext cx="2465387" cy="82550"/>
            <a:chOff x="3309938" y="4394200"/>
            <a:chExt cx="2465387" cy="82550"/>
          </a:xfrm>
        </p:grpSpPr>
        <p:sp>
          <p:nvSpPr>
            <p:cNvPr id="29" name="Freeform 69"/>
            <p:cNvSpPr/>
            <p:nvPr/>
          </p:nvSpPr>
          <p:spPr bwMode="auto">
            <a:xfrm>
              <a:off x="4167188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0" name="Freeform 70"/>
            <p:cNvSpPr/>
            <p:nvPr/>
          </p:nvSpPr>
          <p:spPr bwMode="auto">
            <a:xfrm>
              <a:off x="4067175" y="4394200"/>
              <a:ext cx="73025" cy="82550"/>
            </a:xfrm>
            <a:custGeom>
              <a:gdLst>
                <a:gd fmla="*/ 46 w 46" name="T0"/>
                <a:gd fmla="*/ 52 h 52" name="T1"/>
                <a:gd fmla="*/ 35 w 46" name="T2"/>
                <a:gd fmla="*/ 52 h 52" name="T3"/>
                <a:gd fmla="*/ 0 w 46" name="T4"/>
                <a:gd fmla="*/ 0 h 52" name="T5"/>
                <a:gd fmla="*/ 9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1" name="Freeform 71"/>
            <p:cNvSpPr/>
            <p:nvPr/>
          </p:nvSpPr>
          <p:spPr bwMode="auto">
            <a:xfrm>
              <a:off x="4132263" y="4394200"/>
              <a:ext cx="73025" cy="82550"/>
            </a:xfrm>
            <a:custGeom>
              <a:gdLst>
                <a:gd fmla="*/ 46 w 46" name="T0"/>
                <a:gd fmla="*/ 52 h 52" name="T1"/>
                <a:gd fmla="*/ 37 w 46" name="T2"/>
                <a:gd fmla="*/ 52 h 52" name="T3"/>
                <a:gd fmla="*/ 0 w 46" name="T4"/>
                <a:gd fmla="*/ 0 h 52" name="T5"/>
                <a:gd fmla="*/ 11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2" name="Freeform 72"/>
            <p:cNvSpPr/>
            <p:nvPr/>
          </p:nvSpPr>
          <p:spPr bwMode="auto">
            <a:xfrm>
              <a:off x="4033838" y="4394200"/>
              <a:ext cx="71437" cy="82550"/>
            </a:xfrm>
            <a:custGeom>
              <a:gdLst>
                <a:gd fmla="*/ 45 w 45" name="T0"/>
                <a:gd fmla="*/ 52 h 52" name="T1"/>
                <a:gd fmla="*/ 36 w 45" name="T2"/>
                <a:gd fmla="*/ 52 h 52" name="T3"/>
                <a:gd fmla="*/ 0 w 45" name="T4"/>
                <a:gd fmla="*/ 0 h 52" name="T5"/>
                <a:gd fmla="*/ 10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0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3" name="Freeform 73"/>
            <p:cNvSpPr/>
            <p:nvPr/>
          </p:nvSpPr>
          <p:spPr bwMode="auto">
            <a:xfrm>
              <a:off x="4102100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4" name="Freeform 74"/>
            <p:cNvSpPr/>
            <p:nvPr/>
          </p:nvSpPr>
          <p:spPr bwMode="auto">
            <a:xfrm>
              <a:off x="3933825" y="4394200"/>
              <a:ext cx="71437" cy="82550"/>
            </a:xfrm>
            <a:custGeom>
              <a:gdLst>
                <a:gd fmla="*/ 45 w 45" name="T0"/>
                <a:gd fmla="*/ 52 h 52" name="T1"/>
                <a:gd fmla="*/ 37 w 45" name="T2"/>
                <a:gd fmla="*/ 52 h 52" name="T3"/>
                <a:gd fmla="*/ 0 w 45" name="T4"/>
                <a:gd fmla="*/ 0 h 52" name="T5"/>
                <a:gd fmla="*/ 11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5" name="Freeform 75"/>
            <p:cNvSpPr/>
            <p:nvPr/>
          </p:nvSpPr>
          <p:spPr bwMode="auto">
            <a:xfrm>
              <a:off x="3968750" y="4394200"/>
              <a:ext cx="71437" cy="82550"/>
            </a:xfrm>
            <a:custGeom>
              <a:gdLst>
                <a:gd fmla="*/ 45 w 45" name="T0"/>
                <a:gd fmla="*/ 52 h 52" name="T1"/>
                <a:gd fmla="*/ 34 w 45" name="T2"/>
                <a:gd fmla="*/ 52 h 52" name="T3"/>
                <a:gd fmla="*/ 0 w 45" name="T4"/>
                <a:gd fmla="*/ 0 h 52" name="T5"/>
                <a:gd fmla="*/ 8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6" name="Freeform 76"/>
            <p:cNvSpPr/>
            <p:nvPr/>
          </p:nvSpPr>
          <p:spPr bwMode="auto">
            <a:xfrm>
              <a:off x="4002088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7" name="Freeform 77"/>
            <p:cNvSpPr/>
            <p:nvPr/>
          </p:nvSpPr>
          <p:spPr bwMode="auto">
            <a:xfrm>
              <a:off x="3903663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8" name="Freeform 78"/>
            <p:cNvSpPr/>
            <p:nvPr/>
          </p:nvSpPr>
          <p:spPr bwMode="auto">
            <a:xfrm>
              <a:off x="4430713" y="4394200"/>
              <a:ext cx="73025" cy="82550"/>
            </a:xfrm>
            <a:custGeom>
              <a:gdLst>
                <a:gd fmla="*/ 46 w 46" name="T0"/>
                <a:gd fmla="*/ 52 h 52" name="T1"/>
                <a:gd fmla="*/ 37 w 46" name="T2"/>
                <a:gd fmla="*/ 52 h 52" name="T3"/>
                <a:gd fmla="*/ 0 w 46" name="T4"/>
                <a:gd fmla="*/ 0 h 52" name="T5"/>
                <a:gd fmla="*/ 11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9" name="Freeform 79"/>
            <p:cNvSpPr/>
            <p:nvPr/>
          </p:nvSpPr>
          <p:spPr bwMode="auto">
            <a:xfrm>
              <a:off x="4365625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0" name="Freeform 80"/>
            <p:cNvSpPr/>
            <p:nvPr/>
          </p:nvSpPr>
          <p:spPr bwMode="auto">
            <a:xfrm>
              <a:off x="4200525" y="4394200"/>
              <a:ext cx="69850" cy="82550"/>
            </a:xfrm>
            <a:custGeom>
              <a:gdLst>
                <a:gd fmla="*/ 44 w 44" name="T0"/>
                <a:gd fmla="*/ 52 h 52" name="T1"/>
                <a:gd fmla="*/ 35 w 44" name="T2"/>
                <a:gd fmla="*/ 52 h 52" name="T3"/>
                <a:gd fmla="*/ 0 w 44" name="T4"/>
                <a:gd fmla="*/ 0 h 52" name="T5"/>
                <a:gd fmla="*/ 9 w 44" name="T6"/>
                <a:gd fmla="*/ 0 h 52" name="T7"/>
                <a:gd fmla="*/ 44 w 44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4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1" name="Freeform 81"/>
            <p:cNvSpPr/>
            <p:nvPr/>
          </p:nvSpPr>
          <p:spPr bwMode="auto">
            <a:xfrm>
              <a:off x="4498975" y="4394200"/>
              <a:ext cx="69850" cy="82550"/>
            </a:xfrm>
            <a:custGeom>
              <a:gdLst>
                <a:gd fmla="*/ 44 w 44" name="T0"/>
                <a:gd fmla="*/ 52 h 52" name="T1"/>
                <a:gd fmla="*/ 35 w 44" name="T2"/>
                <a:gd fmla="*/ 52 h 52" name="T3"/>
                <a:gd fmla="*/ 0 w 44" name="T4"/>
                <a:gd fmla="*/ 0 h 52" name="T5"/>
                <a:gd fmla="*/ 9 w 44" name="T6"/>
                <a:gd fmla="*/ 0 h 52" name="T7"/>
                <a:gd fmla="*/ 44 w 44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4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2" name="Freeform 82"/>
            <p:cNvSpPr/>
            <p:nvPr/>
          </p:nvSpPr>
          <p:spPr bwMode="auto">
            <a:xfrm>
              <a:off x="4465638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3" name="Freeform 83"/>
            <p:cNvSpPr/>
            <p:nvPr/>
          </p:nvSpPr>
          <p:spPr bwMode="auto">
            <a:xfrm>
              <a:off x="4332288" y="4394200"/>
              <a:ext cx="71437" cy="82550"/>
            </a:xfrm>
            <a:custGeom>
              <a:gdLst>
                <a:gd fmla="*/ 45 w 45" name="T0"/>
                <a:gd fmla="*/ 52 h 52" name="T1"/>
                <a:gd fmla="*/ 36 w 45" name="T2"/>
                <a:gd fmla="*/ 52 h 52" name="T3"/>
                <a:gd fmla="*/ 0 w 45" name="T4"/>
                <a:gd fmla="*/ 0 h 52" name="T5"/>
                <a:gd fmla="*/ 10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0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4" name="Freeform 84"/>
            <p:cNvSpPr/>
            <p:nvPr/>
          </p:nvSpPr>
          <p:spPr bwMode="auto">
            <a:xfrm>
              <a:off x="4232275" y="4394200"/>
              <a:ext cx="71437" cy="82550"/>
            </a:xfrm>
            <a:custGeom>
              <a:gdLst>
                <a:gd fmla="*/ 45 w 45" name="T0"/>
                <a:gd fmla="*/ 52 h 52" name="T1"/>
                <a:gd fmla="*/ 37 w 45" name="T2"/>
                <a:gd fmla="*/ 52 h 52" name="T3"/>
                <a:gd fmla="*/ 0 w 45" name="T4"/>
                <a:gd fmla="*/ 0 h 52" name="T5"/>
                <a:gd fmla="*/ 11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5" name="Freeform 85"/>
            <p:cNvSpPr/>
            <p:nvPr/>
          </p:nvSpPr>
          <p:spPr bwMode="auto">
            <a:xfrm>
              <a:off x="4265613" y="4394200"/>
              <a:ext cx="69850" cy="82550"/>
            </a:xfrm>
            <a:custGeom>
              <a:gdLst>
                <a:gd fmla="*/ 44 w 44" name="T0"/>
                <a:gd fmla="*/ 52 h 52" name="T1"/>
                <a:gd fmla="*/ 35 w 44" name="T2"/>
                <a:gd fmla="*/ 52 h 52" name="T3"/>
                <a:gd fmla="*/ 0 w 44" name="T4"/>
                <a:gd fmla="*/ 0 h 52" name="T5"/>
                <a:gd fmla="*/ 9 w 44" name="T6"/>
                <a:gd fmla="*/ 0 h 52" name="T7"/>
                <a:gd fmla="*/ 44 w 44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4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6" name="Freeform 86"/>
            <p:cNvSpPr/>
            <p:nvPr/>
          </p:nvSpPr>
          <p:spPr bwMode="auto">
            <a:xfrm>
              <a:off x="4300538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7" name="Freeform 87"/>
            <p:cNvSpPr/>
            <p:nvPr/>
          </p:nvSpPr>
          <p:spPr bwMode="auto">
            <a:xfrm>
              <a:off x="4400550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8" name="Freeform 88"/>
            <p:cNvSpPr/>
            <p:nvPr/>
          </p:nvSpPr>
          <p:spPr bwMode="auto">
            <a:xfrm>
              <a:off x="3440113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9" name="Freeform 89"/>
            <p:cNvSpPr/>
            <p:nvPr/>
          </p:nvSpPr>
          <p:spPr bwMode="auto">
            <a:xfrm>
              <a:off x="3470275" y="4394200"/>
              <a:ext cx="73025" cy="82550"/>
            </a:xfrm>
            <a:custGeom>
              <a:gdLst>
                <a:gd fmla="*/ 46 w 46" name="T0"/>
                <a:gd fmla="*/ 52 h 52" name="T1"/>
                <a:gd fmla="*/ 35 w 46" name="T2"/>
                <a:gd fmla="*/ 52 h 52" name="T3"/>
                <a:gd fmla="*/ 0 w 46" name="T4"/>
                <a:gd fmla="*/ 0 h 52" name="T5"/>
                <a:gd fmla="*/ 9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0" name="Freeform 90"/>
            <p:cNvSpPr/>
            <p:nvPr/>
          </p:nvSpPr>
          <p:spPr bwMode="auto">
            <a:xfrm>
              <a:off x="3405188" y="4394200"/>
              <a:ext cx="69850" cy="82550"/>
            </a:xfrm>
            <a:custGeom>
              <a:gdLst>
                <a:gd fmla="*/ 44 w 44" name="T0"/>
                <a:gd fmla="*/ 52 h 52" name="T1"/>
                <a:gd fmla="*/ 35 w 44" name="T2"/>
                <a:gd fmla="*/ 52 h 52" name="T3"/>
                <a:gd fmla="*/ 0 w 44" name="T4"/>
                <a:gd fmla="*/ 0 h 52" name="T5"/>
                <a:gd fmla="*/ 9 w 44" name="T6"/>
                <a:gd fmla="*/ 0 h 52" name="T7"/>
                <a:gd fmla="*/ 44 w 44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4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1" name="Freeform 91"/>
            <p:cNvSpPr/>
            <p:nvPr/>
          </p:nvSpPr>
          <p:spPr bwMode="auto">
            <a:xfrm>
              <a:off x="3505200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2" name="Freeform 92"/>
            <p:cNvSpPr/>
            <p:nvPr/>
          </p:nvSpPr>
          <p:spPr bwMode="auto">
            <a:xfrm>
              <a:off x="3309938" y="4429125"/>
              <a:ext cx="34925" cy="47625"/>
            </a:xfrm>
            <a:custGeom>
              <a:gdLst>
                <a:gd fmla="*/ 0 w 22" name="T0"/>
                <a:gd fmla="*/ 15 h 30" name="T1"/>
                <a:gd fmla="*/ 0 w 22" name="T2"/>
                <a:gd fmla="*/ 0 h 30" name="T3"/>
                <a:gd fmla="*/ 22 w 22" name="T4"/>
                <a:gd fmla="*/ 30 h 30" name="T5"/>
                <a:gd fmla="*/ 11 w 22" name="T6"/>
                <a:gd fmla="*/ 30 h 30" name="T7"/>
                <a:gd fmla="*/ 0 w 22" name="T8"/>
                <a:gd fmla="*/ 15 h 30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30" w="22">
                  <a:moveTo>
                    <a:pt x="0" y="15"/>
                  </a:moveTo>
                  <a:lnTo>
                    <a:pt x="0" y="0"/>
                  </a:lnTo>
                  <a:lnTo>
                    <a:pt x="22" y="30"/>
                  </a:lnTo>
                  <a:lnTo>
                    <a:pt x="11" y="30"/>
                  </a:lnTo>
                  <a:lnTo>
                    <a:pt x="0" y="15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3" name="Freeform 93"/>
            <p:cNvSpPr/>
            <p:nvPr/>
          </p:nvSpPr>
          <p:spPr bwMode="auto">
            <a:xfrm>
              <a:off x="3540125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4" name="Freeform 94"/>
            <p:cNvSpPr/>
            <p:nvPr/>
          </p:nvSpPr>
          <p:spPr bwMode="auto">
            <a:xfrm>
              <a:off x="3309938" y="4394200"/>
              <a:ext cx="65087" cy="82550"/>
            </a:xfrm>
            <a:custGeom>
              <a:gdLst>
                <a:gd fmla="*/ 32 w 41" name="T0"/>
                <a:gd fmla="*/ 52 h 52" name="T1"/>
                <a:gd fmla="*/ 0 w 41" name="T2"/>
                <a:gd fmla="*/ 5 h 52" name="T3"/>
                <a:gd fmla="*/ 0 w 41" name="T4"/>
                <a:gd fmla="*/ 0 h 52" name="T5"/>
                <a:gd fmla="*/ 6 w 41" name="T6"/>
                <a:gd fmla="*/ 0 h 52" name="T7"/>
                <a:gd fmla="*/ 41 w 41" name="T8"/>
                <a:gd fmla="*/ 52 h 52" name="T9"/>
                <a:gd fmla="*/ 32 w 41" name="T10"/>
                <a:gd fmla="*/ 52 h 52" name="T1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b="b" l="0" r="r" t="0"/>
              <a:pathLst>
                <a:path h="52" w="41">
                  <a:moveTo>
                    <a:pt x="32" y="52"/>
                  </a:moveTo>
                  <a:lnTo>
                    <a:pt x="0" y="5"/>
                  </a:lnTo>
                  <a:lnTo>
                    <a:pt x="0" y="0"/>
                  </a:lnTo>
                  <a:lnTo>
                    <a:pt x="6" y="0"/>
                  </a:lnTo>
                  <a:lnTo>
                    <a:pt x="41" y="52"/>
                  </a:lnTo>
                  <a:lnTo>
                    <a:pt x="32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5" name="Freeform 95"/>
            <p:cNvSpPr/>
            <p:nvPr/>
          </p:nvSpPr>
          <p:spPr bwMode="auto">
            <a:xfrm>
              <a:off x="3340100" y="4394200"/>
              <a:ext cx="69850" cy="82550"/>
            </a:xfrm>
            <a:custGeom>
              <a:gdLst>
                <a:gd fmla="*/ 44 w 44" name="T0"/>
                <a:gd fmla="*/ 52 h 52" name="T1"/>
                <a:gd fmla="*/ 35 w 44" name="T2"/>
                <a:gd fmla="*/ 52 h 52" name="T3"/>
                <a:gd fmla="*/ 0 w 44" name="T4"/>
                <a:gd fmla="*/ 0 h 52" name="T5"/>
                <a:gd fmla="*/ 9 w 44" name="T6"/>
                <a:gd fmla="*/ 0 h 52" name="T7"/>
                <a:gd fmla="*/ 44 w 44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4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6" name="Freeform 96"/>
            <p:cNvSpPr/>
            <p:nvPr/>
          </p:nvSpPr>
          <p:spPr bwMode="auto">
            <a:xfrm>
              <a:off x="3371850" y="4394200"/>
              <a:ext cx="71437" cy="82550"/>
            </a:xfrm>
            <a:custGeom>
              <a:gdLst>
                <a:gd fmla="*/ 45 w 45" name="T0"/>
                <a:gd fmla="*/ 52 h 52" name="T1"/>
                <a:gd fmla="*/ 34 w 45" name="T2"/>
                <a:gd fmla="*/ 52 h 52" name="T3"/>
                <a:gd fmla="*/ 0 w 45" name="T4"/>
                <a:gd fmla="*/ 0 h 52" name="T5"/>
                <a:gd fmla="*/ 8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7" name="Freeform 97"/>
            <p:cNvSpPr/>
            <p:nvPr/>
          </p:nvSpPr>
          <p:spPr bwMode="auto">
            <a:xfrm>
              <a:off x="3803650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8" name="Freeform 98"/>
            <p:cNvSpPr/>
            <p:nvPr/>
          </p:nvSpPr>
          <p:spPr bwMode="auto">
            <a:xfrm>
              <a:off x="3735388" y="4394200"/>
              <a:ext cx="71437" cy="82550"/>
            </a:xfrm>
            <a:custGeom>
              <a:gdLst>
                <a:gd fmla="*/ 45 w 45" name="T0"/>
                <a:gd fmla="*/ 52 h 52" name="T1"/>
                <a:gd fmla="*/ 36 w 45" name="T2"/>
                <a:gd fmla="*/ 52 h 52" name="T3"/>
                <a:gd fmla="*/ 0 w 45" name="T4"/>
                <a:gd fmla="*/ 0 h 52" name="T5"/>
                <a:gd fmla="*/ 11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9" name="Freeform 99"/>
            <p:cNvSpPr/>
            <p:nvPr/>
          </p:nvSpPr>
          <p:spPr bwMode="auto">
            <a:xfrm>
              <a:off x="3868738" y="4394200"/>
              <a:ext cx="71437" cy="82550"/>
            </a:xfrm>
            <a:custGeom>
              <a:gdLst>
                <a:gd fmla="*/ 45 w 45" name="T0"/>
                <a:gd fmla="*/ 52 h 52" name="T1"/>
                <a:gd fmla="*/ 35 w 45" name="T2"/>
                <a:gd fmla="*/ 52 h 52" name="T3"/>
                <a:gd fmla="*/ 0 w 45" name="T4"/>
                <a:gd fmla="*/ 0 h 52" name="T5"/>
                <a:gd fmla="*/ 9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0" name="Freeform 100"/>
            <p:cNvSpPr/>
            <p:nvPr/>
          </p:nvSpPr>
          <p:spPr bwMode="auto">
            <a:xfrm>
              <a:off x="3768725" y="4394200"/>
              <a:ext cx="73025" cy="82550"/>
            </a:xfrm>
            <a:custGeom>
              <a:gdLst>
                <a:gd fmla="*/ 46 w 46" name="T0"/>
                <a:gd fmla="*/ 52 h 52" name="T1"/>
                <a:gd fmla="*/ 35 w 46" name="T2"/>
                <a:gd fmla="*/ 52 h 52" name="T3"/>
                <a:gd fmla="*/ 0 w 46" name="T4"/>
                <a:gd fmla="*/ 0 h 52" name="T5"/>
                <a:gd fmla="*/ 9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1" name="Freeform 101"/>
            <p:cNvSpPr/>
            <p:nvPr/>
          </p:nvSpPr>
          <p:spPr bwMode="auto">
            <a:xfrm>
              <a:off x="3833813" y="4394200"/>
              <a:ext cx="73025" cy="82550"/>
            </a:xfrm>
            <a:custGeom>
              <a:gdLst>
                <a:gd fmla="*/ 46 w 46" name="T0"/>
                <a:gd fmla="*/ 52 h 52" name="T1"/>
                <a:gd fmla="*/ 37 w 46" name="T2"/>
                <a:gd fmla="*/ 52 h 52" name="T3"/>
                <a:gd fmla="*/ 0 w 46" name="T4"/>
                <a:gd fmla="*/ 0 h 52" name="T5"/>
                <a:gd fmla="*/ 11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2" name="Freeform 102"/>
            <p:cNvSpPr/>
            <p:nvPr/>
          </p:nvSpPr>
          <p:spPr bwMode="auto">
            <a:xfrm>
              <a:off x="3638550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3" name="Freeform 103"/>
            <p:cNvSpPr/>
            <p:nvPr/>
          </p:nvSpPr>
          <p:spPr bwMode="auto">
            <a:xfrm>
              <a:off x="3703638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4" name="Freeform 104"/>
            <p:cNvSpPr/>
            <p:nvPr/>
          </p:nvSpPr>
          <p:spPr bwMode="auto">
            <a:xfrm>
              <a:off x="3605213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5" name="Freeform 105"/>
            <p:cNvSpPr/>
            <p:nvPr/>
          </p:nvSpPr>
          <p:spPr bwMode="auto">
            <a:xfrm>
              <a:off x="3570288" y="4394200"/>
              <a:ext cx="71437" cy="82550"/>
            </a:xfrm>
            <a:custGeom>
              <a:gdLst>
                <a:gd fmla="*/ 45 w 45" name="T0"/>
                <a:gd fmla="*/ 52 h 52" name="T1"/>
                <a:gd fmla="*/ 35 w 45" name="T2"/>
                <a:gd fmla="*/ 52 h 52" name="T3"/>
                <a:gd fmla="*/ 0 w 45" name="T4"/>
                <a:gd fmla="*/ 0 h 52" name="T5"/>
                <a:gd fmla="*/ 9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6" name="Freeform 106"/>
            <p:cNvSpPr/>
            <p:nvPr/>
          </p:nvSpPr>
          <p:spPr bwMode="auto">
            <a:xfrm>
              <a:off x="3670300" y="4394200"/>
              <a:ext cx="71437" cy="82550"/>
            </a:xfrm>
            <a:custGeom>
              <a:gdLst>
                <a:gd fmla="*/ 45 w 45" name="T0"/>
                <a:gd fmla="*/ 52 h 52" name="T1"/>
                <a:gd fmla="*/ 34 w 45" name="T2"/>
                <a:gd fmla="*/ 52 h 52" name="T3"/>
                <a:gd fmla="*/ 0 w 45" name="T4"/>
                <a:gd fmla="*/ 0 h 52" name="T5"/>
                <a:gd fmla="*/ 8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7" name="Freeform 107"/>
            <p:cNvSpPr/>
            <p:nvPr/>
          </p:nvSpPr>
          <p:spPr bwMode="auto">
            <a:xfrm>
              <a:off x="4997450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8" name="Freeform 108"/>
            <p:cNvSpPr/>
            <p:nvPr/>
          </p:nvSpPr>
          <p:spPr bwMode="auto">
            <a:xfrm>
              <a:off x="5491163" y="4394200"/>
              <a:ext cx="71437" cy="82550"/>
            </a:xfrm>
            <a:custGeom>
              <a:gdLst>
                <a:gd fmla="*/ 45 w 45" name="T0"/>
                <a:gd fmla="*/ 52 h 52" name="T1"/>
                <a:gd fmla="*/ 36 w 45" name="T2"/>
                <a:gd fmla="*/ 52 h 52" name="T3"/>
                <a:gd fmla="*/ 0 w 45" name="T4"/>
                <a:gd fmla="*/ 0 h 52" name="T5"/>
                <a:gd fmla="*/ 10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0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9" name="Freeform 109"/>
            <p:cNvSpPr/>
            <p:nvPr/>
          </p:nvSpPr>
          <p:spPr bwMode="auto">
            <a:xfrm>
              <a:off x="5394325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0" name="Freeform 110"/>
            <p:cNvSpPr/>
            <p:nvPr/>
          </p:nvSpPr>
          <p:spPr bwMode="auto">
            <a:xfrm>
              <a:off x="5424488" y="4394200"/>
              <a:ext cx="73025" cy="82550"/>
            </a:xfrm>
            <a:custGeom>
              <a:gdLst>
                <a:gd fmla="*/ 46 w 46" name="T0"/>
                <a:gd fmla="*/ 52 h 52" name="T1"/>
                <a:gd fmla="*/ 35 w 46" name="T2"/>
                <a:gd fmla="*/ 52 h 52" name="T3"/>
                <a:gd fmla="*/ 0 w 46" name="T4"/>
                <a:gd fmla="*/ 0 h 52" name="T5"/>
                <a:gd fmla="*/ 9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1" name="Freeform 111"/>
            <p:cNvSpPr/>
            <p:nvPr/>
          </p:nvSpPr>
          <p:spPr bwMode="auto">
            <a:xfrm>
              <a:off x="5459413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2" name="Freeform 112"/>
            <p:cNvSpPr/>
            <p:nvPr/>
          </p:nvSpPr>
          <p:spPr bwMode="auto">
            <a:xfrm>
              <a:off x="5359400" y="4394200"/>
              <a:ext cx="69850" cy="82550"/>
            </a:xfrm>
            <a:custGeom>
              <a:gdLst>
                <a:gd fmla="*/ 44 w 44" name="T0"/>
                <a:gd fmla="*/ 52 h 52" name="T1"/>
                <a:gd fmla="*/ 35 w 44" name="T2"/>
                <a:gd fmla="*/ 52 h 52" name="T3"/>
                <a:gd fmla="*/ 0 w 44" name="T4"/>
                <a:gd fmla="*/ 0 h 52" name="T5"/>
                <a:gd fmla="*/ 9 w 44" name="T6"/>
                <a:gd fmla="*/ 0 h 52" name="T7"/>
                <a:gd fmla="*/ 44 w 44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4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3" name="Freeform 113"/>
            <p:cNvSpPr/>
            <p:nvPr/>
          </p:nvSpPr>
          <p:spPr bwMode="auto">
            <a:xfrm>
              <a:off x="5260975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4" name="Freeform 114"/>
            <p:cNvSpPr/>
            <p:nvPr/>
          </p:nvSpPr>
          <p:spPr bwMode="auto">
            <a:xfrm>
              <a:off x="4530725" y="4394200"/>
              <a:ext cx="71437" cy="82550"/>
            </a:xfrm>
            <a:custGeom>
              <a:gdLst>
                <a:gd fmla="*/ 45 w 45" name="T0"/>
                <a:gd fmla="*/ 52 h 52" name="T1"/>
                <a:gd fmla="*/ 36 w 45" name="T2"/>
                <a:gd fmla="*/ 52 h 52" name="T3"/>
                <a:gd fmla="*/ 0 w 45" name="T4"/>
                <a:gd fmla="*/ 0 h 52" name="T5"/>
                <a:gd fmla="*/ 11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5" name="Freeform 115"/>
            <p:cNvSpPr/>
            <p:nvPr/>
          </p:nvSpPr>
          <p:spPr bwMode="auto">
            <a:xfrm>
              <a:off x="5294313" y="4394200"/>
              <a:ext cx="69850" cy="82550"/>
            </a:xfrm>
            <a:custGeom>
              <a:gdLst>
                <a:gd fmla="*/ 44 w 44" name="T0"/>
                <a:gd fmla="*/ 52 h 52" name="T1"/>
                <a:gd fmla="*/ 35 w 44" name="T2"/>
                <a:gd fmla="*/ 52 h 52" name="T3"/>
                <a:gd fmla="*/ 0 w 44" name="T4"/>
                <a:gd fmla="*/ 0 h 52" name="T5"/>
                <a:gd fmla="*/ 9 w 44" name="T6"/>
                <a:gd fmla="*/ 0 h 52" name="T7"/>
                <a:gd fmla="*/ 44 w 44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4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6" name="Freeform 116"/>
            <p:cNvSpPr/>
            <p:nvPr/>
          </p:nvSpPr>
          <p:spPr bwMode="auto">
            <a:xfrm>
              <a:off x="5326063" y="4394200"/>
              <a:ext cx="71437" cy="82550"/>
            </a:xfrm>
            <a:custGeom>
              <a:gdLst>
                <a:gd fmla="*/ 45 w 45" name="T0"/>
                <a:gd fmla="*/ 52 h 52" name="T1"/>
                <a:gd fmla="*/ 34 w 45" name="T2"/>
                <a:gd fmla="*/ 52 h 52" name="T3"/>
                <a:gd fmla="*/ 0 w 45" name="T4"/>
                <a:gd fmla="*/ 0 h 52" name="T5"/>
                <a:gd fmla="*/ 8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7" name="Freeform 117"/>
            <p:cNvSpPr/>
            <p:nvPr/>
          </p:nvSpPr>
          <p:spPr bwMode="auto">
            <a:xfrm>
              <a:off x="5559425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8" name="Freeform 118"/>
            <p:cNvSpPr/>
            <p:nvPr/>
          </p:nvSpPr>
          <p:spPr bwMode="auto">
            <a:xfrm>
              <a:off x="5689600" y="4394200"/>
              <a:ext cx="71437" cy="82550"/>
            </a:xfrm>
            <a:custGeom>
              <a:gdLst>
                <a:gd fmla="*/ 45 w 45" name="T0"/>
                <a:gd fmla="*/ 52 h 52" name="T1"/>
                <a:gd fmla="*/ 36 w 45" name="T2"/>
                <a:gd fmla="*/ 52 h 52" name="T3"/>
                <a:gd fmla="*/ 0 w 45" name="T4"/>
                <a:gd fmla="*/ 0 h 52" name="T5"/>
                <a:gd fmla="*/ 11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6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9" name="Freeform 119"/>
            <p:cNvSpPr/>
            <p:nvPr/>
          </p:nvSpPr>
          <p:spPr bwMode="auto">
            <a:xfrm>
              <a:off x="5524500" y="4394200"/>
              <a:ext cx="71437" cy="82550"/>
            </a:xfrm>
            <a:custGeom>
              <a:gdLst>
                <a:gd fmla="*/ 45 w 45" name="T0"/>
                <a:gd fmla="*/ 52 h 52" name="T1"/>
                <a:gd fmla="*/ 35 w 45" name="T2"/>
                <a:gd fmla="*/ 52 h 52" name="T3"/>
                <a:gd fmla="*/ 0 w 45" name="T4"/>
                <a:gd fmla="*/ 0 h 52" name="T5"/>
                <a:gd fmla="*/ 9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0" name="Freeform 120"/>
            <p:cNvSpPr/>
            <p:nvPr/>
          </p:nvSpPr>
          <p:spPr bwMode="auto">
            <a:xfrm>
              <a:off x="5757863" y="4394200"/>
              <a:ext cx="17462" cy="28575"/>
            </a:xfrm>
            <a:custGeom>
              <a:gdLst>
                <a:gd fmla="*/ 11 w 11" name="T0"/>
                <a:gd fmla="*/ 5 h 18" name="T1"/>
                <a:gd fmla="*/ 11 w 11" name="T2"/>
                <a:gd fmla="*/ 18 h 18" name="T3"/>
                <a:gd fmla="*/ 0 w 11" name="T4"/>
                <a:gd fmla="*/ 0 h 18" name="T5"/>
                <a:gd fmla="*/ 9 w 11" name="T6"/>
                <a:gd fmla="*/ 0 h 18" name="T7"/>
                <a:gd fmla="*/ 11 w 11" name="T8"/>
                <a:gd fmla="*/ 5 h 18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18" w="11">
                  <a:moveTo>
                    <a:pt x="11" y="5"/>
                  </a:moveTo>
                  <a:lnTo>
                    <a:pt x="11" y="18"/>
                  </a:lnTo>
                  <a:lnTo>
                    <a:pt x="0" y="0"/>
                  </a:lnTo>
                  <a:lnTo>
                    <a:pt x="9" y="0"/>
                  </a:lnTo>
                  <a:lnTo>
                    <a:pt x="11" y="5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1" name="Freeform 121"/>
            <p:cNvSpPr/>
            <p:nvPr/>
          </p:nvSpPr>
          <p:spPr bwMode="auto">
            <a:xfrm>
              <a:off x="5657850" y="4394200"/>
              <a:ext cx="69850" cy="82550"/>
            </a:xfrm>
            <a:custGeom>
              <a:gdLst>
                <a:gd fmla="*/ 44 w 44" name="T0"/>
                <a:gd fmla="*/ 52 h 52" name="T1"/>
                <a:gd fmla="*/ 35 w 44" name="T2"/>
                <a:gd fmla="*/ 52 h 52" name="T3"/>
                <a:gd fmla="*/ 0 w 44" name="T4"/>
                <a:gd fmla="*/ 0 h 52" name="T5"/>
                <a:gd fmla="*/ 9 w 44" name="T6"/>
                <a:gd fmla="*/ 0 h 52" name="T7"/>
                <a:gd fmla="*/ 44 w 44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4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2" name="Freeform 122"/>
            <p:cNvSpPr/>
            <p:nvPr/>
          </p:nvSpPr>
          <p:spPr bwMode="auto">
            <a:xfrm>
              <a:off x="5722938" y="4394200"/>
              <a:ext cx="52387" cy="79375"/>
            </a:xfrm>
            <a:custGeom>
              <a:gdLst>
                <a:gd fmla="*/ 33 w 33" name="T0"/>
                <a:gd fmla="*/ 35 h 50" name="T1"/>
                <a:gd fmla="*/ 33 w 33" name="T2"/>
                <a:gd fmla="*/ 50 h 50" name="T3"/>
                <a:gd fmla="*/ 0 w 33" name="T4"/>
                <a:gd fmla="*/ 0 h 50" name="T5"/>
                <a:gd fmla="*/ 9 w 33" name="T6"/>
                <a:gd fmla="*/ 0 h 50" name="T7"/>
                <a:gd fmla="*/ 33 w 33" name="T8"/>
                <a:gd fmla="*/ 35 h 50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0" w="33">
                  <a:moveTo>
                    <a:pt x="33" y="35"/>
                  </a:moveTo>
                  <a:lnTo>
                    <a:pt x="33" y="50"/>
                  </a:lnTo>
                  <a:lnTo>
                    <a:pt x="0" y="0"/>
                  </a:lnTo>
                  <a:lnTo>
                    <a:pt x="9" y="0"/>
                  </a:lnTo>
                  <a:lnTo>
                    <a:pt x="33" y="35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3" name="Freeform 123"/>
            <p:cNvSpPr/>
            <p:nvPr/>
          </p:nvSpPr>
          <p:spPr bwMode="auto">
            <a:xfrm>
              <a:off x="5624513" y="4394200"/>
              <a:ext cx="71437" cy="82550"/>
            </a:xfrm>
            <a:custGeom>
              <a:gdLst>
                <a:gd fmla="*/ 45 w 45" name="T0"/>
                <a:gd fmla="*/ 52 h 52" name="T1"/>
                <a:gd fmla="*/ 34 w 45" name="T2"/>
                <a:gd fmla="*/ 52 h 52" name="T3"/>
                <a:gd fmla="*/ 0 w 45" name="T4"/>
                <a:gd fmla="*/ 0 h 52" name="T5"/>
                <a:gd fmla="*/ 8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4" name="Freeform 124"/>
            <p:cNvSpPr/>
            <p:nvPr/>
          </p:nvSpPr>
          <p:spPr bwMode="auto">
            <a:xfrm>
              <a:off x="5195888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5" name="Freeform 125"/>
            <p:cNvSpPr/>
            <p:nvPr/>
          </p:nvSpPr>
          <p:spPr bwMode="auto">
            <a:xfrm>
              <a:off x="5589588" y="4394200"/>
              <a:ext cx="71437" cy="82550"/>
            </a:xfrm>
            <a:custGeom>
              <a:gdLst>
                <a:gd fmla="*/ 45 w 45" name="T0"/>
                <a:gd fmla="*/ 52 h 52" name="T1"/>
                <a:gd fmla="*/ 37 w 45" name="T2"/>
                <a:gd fmla="*/ 52 h 52" name="T3"/>
                <a:gd fmla="*/ 0 w 45" name="T4"/>
                <a:gd fmla="*/ 0 h 52" name="T5"/>
                <a:gd fmla="*/ 11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7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6" name="Freeform 126"/>
            <p:cNvSpPr/>
            <p:nvPr/>
          </p:nvSpPr>
          <p:spPr bwMode="auto">
            <a:xfrm>
              <a:off x="5226050" y="4394200"/>
              <a:ext cx="73025" cy="82550"/>
            </a:xfrm>
            <a:custGeom>
              <a:gdLst>
                <a:gd fmla="*/ 46 w 46" name="T0"/>
                <a:gd fmla="*/ 52 h 52" name="T1"/>
                <a:gd fmla="*/ 35 w 46" name="T2"/>
                <a:gd fmla="*/ 52 h 52" name="T3"/>
                <a:gd fmla="*/ 0 w 46" name="T4"/>
                <a:gd fmla="*/ 0 h 52" name="T5"/>
                <a:gd fmla="*/ 9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7" name="Freeform 127"/>
            <p:cNvSpPr/>
            <p:nvPr/>
          </p:nvSpPr>
          <p:spPr bwMode="auto">
            <a:xfrm>
              <a:off x="4729163" y="4394200"/>
              <a:ext cx="71437" cy="82550"/>
            </a:xfrm>
            <a:custGeom>
              <a:gdLst>
                <a:gd fmla="*/ 45 w 45" name="T0"/>
                <a:gd fmla="*/ 52 h 52" name="T1"/>
                <a:gd fmla="*/ 35 w 45" name="T2"/>
                <a:gd fmla="*/ 52 h 52" name="T3"/>
                <a:gd fmla="*/ 0 w 45" name="T4"/>
                <a:gd fmla="*/ 0 h 52" name="T5"/>
                <a:gd fmla="*/ 11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8" name="Freeform 128"/>
            <p:cNvSpPr/>
            <p:nvPr/>
          </p:nvSpPr>
          <p:spPr bwMode="auto">
            <a:xfrm>
              <a:off x="5160963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9" name="Freeform 129"/>
            <p:cNvSpPr/>
            <p:nvPr/>
          </p:nvSpPr>
          <p:spPr bwMode="auto">
            <a:xfrm>
              <a:off x="4699000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0" name="Freeform 130"/>
            <p:cNvSpPr/>
            <p:nvPr/>
          </p:nvSpPr>
          <p:spPr bwMode="auto">
            <a:xfrm>
              <a:off x="4797425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1" name="Freeform 131"/>
            <p:cNvSpPr/>
            <p:nvPr/>
          </p:nvSpPr>
          <p:spPr bwMode="auto">
            <a:xfrm>
              <a:off x="4829175" y="4394200"/>
              <a:ext cx="71437" cy="82550"/>
            </a:xfrm>
            <a:custGeom>
              <a:gdLst>
                <a:gd fmla="*/ 45 w 45" name="T0"/>
                <a:gd fmla="*/ 52 h 52" name="T1"/>
                <a:gd fmla="*/ 34 w 45" name="T2"/>
                <a:gd fmla="*/ 52 h 52" name="T3"/>
                <a:gd fmla="*/ 0 w 45" name="T4"/>
                <a:gd fmla="*/ 0 h 52" name="T5"/>
                <a:gd fmla="*/ 10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10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2" name="Freeform 132"/>
            <p:cNvSpPr/>
            <p:nvPr/>
          </p:nvSpPr>
          <p:spPr bwMode="auto">
            <a:xfrm>
              <a:off x="4664075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3" name="Freeform 133"/>
            <p:cNvSpPr/>
            <p:nvPr/>
          </p:nvSpPr>
          <p:spPr bwMode="auto">
            <a:xfrm>
              <a:off x="4564063" y="4394200"/>
              <a:ext cx="69850" cy="82550"/>
            </a:xfrm>
            <a:custGeom>
              <a:gdLst>
                <a:gd fmla="*/ 44 w 44" name="T0"/>
                <a:gd fmla="*/ 52 h 52" name="T1"/>
                <a:gd fmla="*/ 35 w 44" name="T2"/>
                <a:gd fmla="*/ 52 h 52" name="T3"/>
                <a:gd fmla="*/ 0 w 44" name="T4"/>
                <a:gd fmla="*/ 0 h 52" name="T5"/>
                <a:gd fmla="*/ 9 w 44" name="T6"/>
                <a:gd fmla="*/ 0 h 52" name="T7"/>
                <a:gd fmla="*/ 44 w 44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4">
                  <a:moveTo>
                    <a:pt x="44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4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4" name="Freeform 134"/>
            <p:cNvSpPr/>
            <p:nvPr/>
          </p:nvSpPr>
          <p:spPr bwMode="auto">
            <a:xfrm>
              <a:off x="4598988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5" name="Freeform 135"/>
            <p:cNvSpPr/>
            <p:nvPr/>
          </p:nvSpPr>
          <p:spPr bwMode="auto">
            <a:xfrm>
              <a:off x="4629150" y="4394200"/>
              <a:ext cx="73025" cy="82550"/>
            </a:xfrm>
            <a:custGeom>
              <a:gdLst>
                <a:gd fmla="*/ 46 w 46" name="T0"/>
                <a:gd fmla="*/ 52 h 52" name="T1"/>
                <a:gd fmla="*/ 35 w 46" name="T2"/>
                <a:gd fmla="*/ 52 h 52" name="T3"/>
                <a:gd fmla="*/ 0 w 46" name="T4"/>
                <a:gd fmla="*/ 0 h 52" name="T5"/>
                <a:gd fmla="*/ 11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6" name="Freeform 136"/>
            <p:cNvSpPr/>
            <p:nvPr/>
          </p:nvSpPr>
          <p:spPr bwMode="auto">
            <a:xfrm>
              <a:off x="4764088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7" name="Freeform 137"/>
            <p:cNvSpPr/>
            <p:nvPr/>
          </p:nvSpPr>
          <p:spPr bwMode="auto">
            <a:xfrm>
              <a:off x="5062538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8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8" name="Freeform 138"/>
            <p:cNvSpPr/>
            <p:nvPr/>
          </p:nvSpPr>
          <p:spPr bwMode="auto">
            <a:xfrm>
              <a:off x="5095875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9" name="Freeform 139"/>
            <p:cNvSpPr/>
            <p:nvPr/>
          </p:nvSpPr>
          <p:spPr bwMode="auto">
            <a:xfrm>
              <a:off x="5127625" y="4394200"/>
              <a:ext cx="71437" cy="82550"/>
            </a:xfrm>
            <a:custGeom>
              <a:gdLst>
                <a:gd fmla="*/ 45 w 45" name="T0"/>
                <a:gd fmla="*/ 52 h 52" name="T1"/>
                <a:gd fmla="*/ 34 w 45" name="T2"/>
                <a:gd fmla="*/ 52 h 52" name="T3"/>
                <a:gd fmla="*/ 0 w 45" name="T4"/>
                <a:gd fmla="*/ 0 h 52" name="T5"/>
                <a:gd fmla="*/ 8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8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00" name="Freeform 140"/>
            <p:cNvSpPr/>
            <p:nvPr/>
          </p:nvSpPr>
          <p:spPr bwMode="auto">
            <a:xfrm>
              <a:off x="4862513" y="4394200"/>
              <a:ext cx="68262" cy="82550"/>
            </a:xfrm>
            <a:custGeom>
              <a:gdLst>
                <a:gd fmla="*/ 43 w 43" name="T0"/>
                <a:gd fmla="*/ 52 h 52" name="T1"/>
                <a:gd fmla="*/ 35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01" name="Freeform 141"/>
            <p:cNvSpPr/>
            <p:nvPr/>
          </p:nvSpPr>
          <p:spPr bwMode="auto">
            <a:xfrm>
              <a:off x="5027613" y="4394200"/>
              <a:ext cx="71437" cy="82550"/>
            </a:xfrm>
            <a:custGeom>
              <a:gdLst>
                <a:gd fmla="*/ 45 w 45" name="T0"/>
                <a:gd fmla="*/ 52 h 52" name="T1"/>
                <a:gd fmla="*/ 34 w 45" name="T2"/>
                <a:gd fmla="*/ 52 h 52" name="T3"/>
                <a:gd fmla="*/ 0 w 45" name="T4"/>
                <a:gd fmla="*/ 0 h 52" name="T5"/>
                <a:gd fmla="*/ 9 w 45" name="T6"/>
                <a:gd fmla="*/ 0 h 52" name="T7"/>
                <a:gd fmla="*/ 45 w 45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5">
                  <a:moveTo>
                    <a:pt x="45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5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02" name="Freeform 142"/>
            <p:cNvSpPr/>
            <p:nvPr/>
          </p:nvSpPr>
          <p:spPr bwMode="auto">
            <a:xfrm>
              <a:off x="4897438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03" name="Freeform 143"/>
            <p:cNvSpPr/>
            <p:nvPr/>
          </p:nvSpPr>
          <p:spPr bwMode="auto">
            <a:xfrm>
              <a:off x="4927600" y="4394200"/>
              <a:ext cx="73025" cy="82550"/>
            </a:xfrm>
            <a:custGeom>
              <a:gdLst>
                <a:gd fmla="*/ 46 w 46" name="T0"/>
                <a:gd fmla="*/ 52 h 52" name="T1"/>
                <a:gd fmla="*/ 35 w 46" name="T2"/>
                <a:gd fmla="*/ 52 h 52" name="T3"/>
                <a:gd fmla="*/ 0 w 46" name="T4"/>
                <a:gd fmla="*/ 0 h 52" name="T5"/>
                <a:gd fmla="*/ 11 w 46" name="T6"/>
                <a:gd fmla="*/ 0 h 52" name="T7"/>
                <a:gd fmla="*/ 46 w 46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6">
                  <a:moveTo>
                    <a:pt x="46" y="52"/>
                  </a:moveTo>
                  <a:lnTo>
                    <a:pt x="35" y="52"/>
                  </a:lnTo>
                  <a:lnTo>
                    <a:pt x="0" y="0"/>
                  </a:lnTo>
                  <a:lnTo>
                    <a:pt x="11" y="0"/>
                  </a:lnTo>
                  <a:lnTo>
                    <a:pt x="46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04" name="Freeform 144"/>
            <p:cNvSpPr/>
            <p:nvPr/>
          </p:nvSpPr>
          <p:spPr bwMode="auto">
            <a:xfrm>
              <a:off x="4962525" y="4394200"/>
              <a:ext cx="68262" cy="82550"/>
            </a:xfrm>
            <a:custGeom>
              <a:gdLst>
                <a:gd fmla="*/ 43 w 43" name="T0"/>
                <a:gd fmla="*/ 52 h 52" name="T1"/>
                <a:gd fmla="*/ 34 w 43" name="T2"/>
                <a:gd fmla="*/ 52 h 52" name="T3"/>
                <a:gd fmla="*/ 0 w 43" name="T4"/>
                <a:gd fmla="*/ 0 h 52" name="T5"/>
                <a:gd fmla="*/ 9 w 43" name="T6"/>
                <a:gd fmla="*/ 0 h 52" name="T7"/>
                <a:gd fmla="*/ 43 w 43" name="T8"/>
                <a:gd fmla="*/ 52 h 52" name="T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b="b" l="0" r="r" t="0"/>
              <a:pathLst>
                <a:path h="52" w="43">
                  <a:moveTo>
                    <a:pt x="43" y="52"/>
                  </a:moveTo>
                  <a:lnTo>
                    <a:pt x="34" y="52"/>
                  </a:lnTo>
                  <a:lnTo>
                    <a:pt x="0" y="0"/>
                  </a:lnTo>
                  <a:lnTo>
                    <a:pt x="9" y="0"/>
                  </a:lnTo>
                  <a:lnTo>
                    <a:pt x="43" y="52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25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ecel="50000" dur="500" fill="hold" id="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ecel="50000" dur="500" fill="hold" id="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accel="50000" dur="500" fill="hold" id="9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000" fill="hold" id="10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ecel="50000" dur="500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ecel="50000" dur="500" fill="hold" id="1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accel="50000" dur="500" fill="hold" id="13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ecel="50000" dur="1000" id="14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15" nodeType="withEffect" presetClass="entr" presetID="18" presetSubtype="6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dur="1" fill="hold" id="1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strips(downRight)" transition="in">
                                      <p:cBhvr>
                                        <p:cTn dur="500" id="17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8" nodeType="withEffect" presetClass="entr" presetID="47" presetSubtype="0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dur="1" fill="hold" id="1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00" id="2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00" fill="hold" id="21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00" fill="hold" id="22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3" nodeType="withEffect" presetClass="entr" presetID="55" presetSubtype="0">
                                  <p:stCondLst>
                                    <p:cond delay="2200"/>
                                  </p:stCondLst>
                                  <p:childTnLst>
                                    <p:set>
                                      <p:cBhvr>
                                        <p:cTn dur="1" fill="hold" id="24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1000" fill="hold" id="25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000" fill="hold" id="26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1000" id="27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9"/>
    </p:bldLst>
  </p:timing>
</p:sld>
</file>

<file path=ppt/slides/slide14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4727848" y="2793258"/>
            <a:ext cx="5933624" cy="1296144"/>
            <a:chOff x="726608" y="1628800"/>
            <a:chExt cx="5933624" cy="1296144"/>
          </a:xfrm>
        </p:grpSpPr>
        <p:sp>
          <p:nvSpPr>
            <p:cNvPr id="3" name="矩形 2"/>
            <p:cNvSpPr/>
            <p:nvPr/>
          </p:nvSpPr>
          <p:spPr>
            <a:xfrm>
              <a:off x="726608" y="1628800"/>
              <a:ext cx="5933624" cy="1296144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sp>
          <p:nvSpPr>
            <p:cNvPr id="4" name="矩形 3"/>
            <p:cNvSpPr>
              <a:spLocks noChangeArrowheads="1"/>
            </p:cNvSpPr>
            <p:nvPr/>
          </p:nvSpPr>
          <p:spPr bwMode="auto">
            <a:xfrm>
              <a:off x="844658" y="1851341"/>
              <a:ext cx="5362284" cy="85344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>
                <a:lnSpc>
                  <a:spcPts val="2000"/>
                </a:lnSpc>
              </a:pPr>
              <a:r>
                <a:rPr altLang="zh-CN" lang="en-US" sz="1200">
                  <a:latin typeface="Arial"/>
                </a:rPr>
                <a:t>RAPIDPPT, the leader of professional PPT designer in China. </a:t>
              </a:r>
            </a:p>
            <a:p>
              <a:pPr>
                <a:lnSpc>
                  <a:spcPts val="2000"/>
                </a:lnSpc>
              </a:pPr>
              <a:r>
                <a:rPr altLang="zh-CN" lang="en-US" sz="1200">
                  <a:latin typeface="Arial"/>
                </a:rPr>
                <a:t>5years of making professional PPT, 500 case studies for the classical PPT, make sure you will be</a:t>
              </a:r>
            </a:p>
          </p:txBody>
        </p:sp>
      </p:grpSp>
      <p:grpSp>
        <p:nvGrpSpPr>
          <p:cNvPr id="5" name="组合 4"/>
          <p:cNvGrpSpPr/>
          <p:nvPr/>
        </p:nvGrpSpPr>
        <p:grpSpPr>
          <a:xfrm>
            <a:off x="1820863" y="2143674"/>
            <a:ext cx="825500" cy="2606598"/>
            <a:chOff x="296863" y="1566158"/>
            <a:chExt cx="825500" cy="2606598"/>
          </a:xfrm>
        </p:grpSpPr>
        <p:grpSp>
          <p:nvGrpSpPr>
            <p:cNvPr id="6" name="组合 5"/>
            <p:cNvGrpSpPr/>
            <p:nvPr/>
          </p:nvGrpSpPr>
          <p:grpSpPr>
            <a:xfrm>
              <a:off x="296863" y="2062969"/>
              <a:ext cx="825500" cy="2109787"/>
              <a:chOff x="296863" y="1549401"/>
              <a:chExt cx="825500" cy="2109787"/>
            </a:xfrm>
            <a:solidFill>
              <a:schemeClr val="tx1">
                <a:lumMod val="75000"/>
                <a:lumOff val="25000"/>
              </a:schemeClr>
            </a:solidFill>
          </p:grpSpPr>
          <p:sp>
            <p:nvSpPr>
              <p:cNvPr id="8" name="Freeform 6"/>
              <p:cNvSpPr/>
              <p:nvPr/>
            </p:nvSpPr>
            <p:spPr bwMode="auto">
              <a:xfrm>
                <a:off x="296863" y="1912938"/>
                <a:ext cx="825500" cy="1746250"/>
              </a:xfrm>
              <a:custGeom>
                <a:gdLst>
                  <a:gd fmla="*/ 32 w 43" name="T0"/>
                  <a:gd fmla="*/ 0 h 91" name="T1"/>
                  <a:gd fmla="*/ 11 w 43" name="T2"/>
                  <a:gd fmla="*/ 0 h 91" name="T3"/>
                  <a:gd fmla="*/ 0 w 43" name="T4"/>
                  <a:gd fmla="*/ 9 h 91" name="T5"/>
                  <a:gd fmla="*/ 0 w 43" name="T6"/>
                  <a:gd fmla="*/ 9 h 91" name="T7"/>
                  <a:gd fmla="*/ 0 w 43" name="T8"/>
                  <a:gd fmla="*/ 10 h 91" name="T9"/>
                  <a:gd fmla="*/ 0 w 43" name="T10"/>
                  <a:gd fmla="*/ 41 h 91" name="T11"/>
                  <a:gd fmla="*/ 3 w 43" name="T12"/>
                  <a:gd fmla="*/ 44 h 91" name="T13"/>
                  <a:gd fmla="*/ 7 w 43" name="T14"/>
                  <a:gd fmla="*/ 41 h 91" name="T15"/>
                  <a:gd fmla="*/ 7 w 43" name="T16"/>
                  <a:gd fmla="*/ 14 h 91" name="T17"/>
                  <a:gd fmla="*/ 10 w 43" name="T18"/>
                  <a:gd fmla="*/ 14 h 91" name="T19"/>
                  <a:gd fmla="*/ 10 w 43" name="T20"/>
                  <a:gd fmla="*/ 40 h 91" name="T21"/>
                  <a:gd fmla="*/ 10 w 43" name="T22"/>
                  <a:gd fmla="*/ 41 h 91" name="T23"/>
                  <a:gd fmla="*/ 10 w 43" name="T24"/>
                  <a:gd fmla="*/ 86 h 91" name="T25"/>
                  <a:gd fmla="*/ 15 w 43" name="T26"/>
                  <a:gd fmla="*/ 91 h 91" name="T27"/>
                  <a:gd fmla="*/ 20 w 43" name="T28"/>
                  <a:gd fmla="*/ 86 h 91" name="T29"/>
                  <a:gd fmla="*/ 20 w 43" name="T30"/>
                  <a:gd fmla="*/ 46 h 91" name="T31"/>
                  <a:gd fmla="*/ 22 w 43" name="T32"/>
                  <a:gd fmla="*/ 46 h 91" name="T33"/>
                  <a:gd fmla="*/ 22 w 43" name="T34"/>
                  <a:gd fmla="*/ 86 h 91" name="T35"/>
                  <a:gd fmla="*/ 27 w 43" name="T36"/>
                  <a:gd fmla="*/ 91 h 91" name="T37"/>
                  <a:gd fmla="*/ 32 w 43" name="T38"/>
                  <a:gd fmla="*/ 86 h 91" name="T39"/>
                  <a:gd fmla="*/ 32 w 43" name="T40"/>
                  <a:gd fmla="*/ 40 h 91" name="T41"/>
                  <a:gd fmla="*/ 32 w 43" name="T42"/>
                  <a:gd fmla="*/ 39 h 91" name="T43"/>
                  <a:gd fmla="*/ 32 w 43" name="T44"/>
                  <a:gd fmla="*/ 14 h 91" name="T45"/>
                  <a:gd fmla="*/ 35 w 43" name="T46"/>
                  <a:gd fmla="*/ 14 h 91" name="T47"/>
                  <a:gd fmla="*/ 35 w 43" name="T48"/>
                  <a:gd fmla="*/ 41 h 91" name="T49"/>
                  <a:gd fmla="*/ 39 w 43" name="T50"/>
                  <a:gd fmla="*/ 44 h 91" name="T51"/>
                  <a:gd fmla="*/ 43 w 43" name="T52"/>
                  <a:gd fmla="*/ 41 h 91" name="T53"/>
                  <a:gd fmla="*/ 43 w 43" name="T54"/>
                  <a:gd fmla="*/ 10 h 91" name="T55"/>
                  <a:gd fmla="*/ 43 w 43" name="T56"/>
                  <a:gd fmla="*/ 9 h 91" name="T57"/>
                  <a:gd fmla="*/ 43 w 43" name="T58"/>
                  <a:gd fmla="*/ 8 h 91" name="T59"/>
                  <a:gd fmla="*/ 32 w 43" name="T60"/>
                  <a:gd fmla="*/ 0 h 91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91" w="43">
                    <a:moveTo>
                      <a:pt x="32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3" y="0"/>
                      <a:pt x="0" y="6"/>
                      <a:pt x="0" y="9"/>
                    </a:cubicBezTo>
                    <a:cubicBezTo>
                      <a:pt x="0" y="9"/>
                      <a:pt x="0" y="9"/>
                      <a:pt x="0" y="9"/>
                    </a:cubicBezTo>
                    <a:cubicBezTo>
                      <a:pt x="0" y="10"/>
                      <a:pt x="0" y="10"/>
                      <a:pt x="0" y="10"/>
                    </a:cubicBezTo>
                    <a:cubicBezTo>
                      <a:pt x="0" y="41"/>
                      <a:pt x="0" y="41"/>
                      <a:pt x="0" y="41"/>
                    </a:cubicBezTo>
                    <a:cubicBezTo>
                      <a:pt x="0" y="43"/>
                      <a:pt x="1" y="44"/>
                      <a:pt x="3" y="44"/>
                    </a:cubicBezTo>
                    <a:cubicBezTo>
                      <a:pt x="5" y="44"/>
                      <a:pt x="7" y="43"/>
                      <a:pt x="7" y="41"/>
                    </a:cubicBezTo>
                    <a:cubicBezTo>
                      <a:pt x="7" y="14"/>
                      <a:pt x="7" y="14"/>
                      <a:pt x="7" y="14"/>
                    </a:cubicBezTo>
                    <a:cubicBezTo>
                      <a:pt x="10" y="14"/>
                      <a:pt x="10" y="14"/>
                      <a:pt x="10" y="14"/>
                    </a:cubicBezTo>
                    <a:cubicBezTo>
                      <a:pt x="10" y="40"/>
                      <a:pt x="10" y="40"/>
                      <a:pt x="10" y="40"/>
                    </a:cubicBezTo>
                    <a:cubicBezTo>
                      <a:pt x="10" y="40"/>
                      <a:pt x="10" y="40"/>
                      <a:pt x="10" y="41"/>
                    </a:cubicBezTo>
                    <a:cubicBezTo>
                      <a:pt x="10" y="86"/>
                      <a:pt x="10" y="86"/>
                      <a:pt x="10" y="86"/>
                    </a:cubicBezTo>
                    <a:cubicBezTo>
                      <a:pt x="10" y="89"/>
                      <a:pt x="12" y="91"/>
                      <a:pt x="15" y="91"/>
                    </a:cubicBezTo>
                    <a:cubicBezTo>
                      <a:pt x="18" y="91"/>
                      <a:pt x="20" y="89"/>
                      <a:pt x="20" y="86"/>
                    </a:cubicBezTo>
                    <a:cubicBezTo>
                      <a:pt x="20" y="46"/>
                      <a:pt x="20" y="46"/>
                      <a:pt x="20" y="46"/>
                    </a:cubicBezTo>
                    <a:cubicBezTo>
                      <a:pt x="22" y="46"/>
                      <a:pt x="22" y="46"/>
                      <a:pt x="22" y="46"/>
                    </a:cubicBezTo>
                    <a:cubicBezTo>
                      <a:pt x="22" y="86"/>
                      <a:pt x="22" y="86"/>
                      <a:pt x="22" y="86"/>
                    </a:cubicBezTo>
                    <a:cubicBezTo>
                      <a:pt x="22" y="89"/>
                      <a:pt x="25" y="91"/>
                      <a:pt x="27" y="91"/>
                    </a:cubicBezTo>
                    <a:cubicBezTo>
                      <a:pt x="30" y="91"/>
                      <a:pt x="32" y="89"/>
                      <a:pt x="32" y="86"/>
                    </a:cubicBezTo>
                    <a:cubicBezTo>
                      <a:pt x="32" y="40"/>
                      <a:pt x="32" y="40"/>
                      <a:pt x="32" y="40"/>
                    </a:cubicBezTo>
                    <a:cubicBezTo>
                      <a:pt x="32" y="39"/>
                      <a:pt x="32" y="39"/>
                      <a:pt x="32" y="39"/>
                    </a:cubicBezTo>
                    <a:cubicBezTo>
                      <a:pt x="32" y="14"/>
                      <a:pt x="32" y="14"/>
                      <a:pt x="32" y="14"/>
                    </a:cubicBezTo>
                    <a:cubicBezTo>
                      <a:pt x="35" y="14"/>
                      <a:pt x="35" y="14"/>
                      <a:pt x="35" y="14"/>
                    </a:cubicBezTo>
                    <a:cubicBezTo>
                      <a:pt x="35" y="41"/>
                      <a:pt x="35" y="41"/>
                      <a:pt x="35" y="41"/>
                    </a:cubicBezTo>
                    <a:cubicBezTo>
                      <a:pt x="35" y="43"/>
                      <a:pt x="37" y="44"/>
                      <a:pt x="39" y="44"/>
                    </a:cubicBezTo>
                    <a:cubicBezTo>
                      <a:pt x="41" y="44"/>
                      <a:pt x="43" y="43"/>
                      <a:pt x="43" y="41"/>
                    </a:cubicBezTo>
                    <a:cubicBezTo>
                      <a:pt x="43" y="10"/>
                      <a:pt x="43" y="10"/>
                      <a:pt x="43" y="10"/>
                    </a:cubicBezTo>
                    <a:cubicBezTo>
                      <a:pt x="43" y="9"/>
                      <a:pt x="43" y="9"/>
                      <a:pt x="43" y="9"/>
                    </a:cubicBezTo>
                    <a:cubicBezTo>
                      <a:pt x="43" y="8"/>
                      <a:pt x="43" y="8"/>
                      <a:pt x="43" y="8"/>
                    </a:cubicBezTo>
                    <a:cubicBezTo>
                      <a:pt x="43" y="5"/>
                      <a:pt x="39" y="0"/>
                      <a:pt x="32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" name="Oval 7"/>
              <p:cNvSpPr>
                <a:spLocks noChangeArrowheads="1"/>
              </p:cNvSpPr>
              <p:nvPr/>
            </p:nvSpPr>
            <p:spPr bwMode="auto">
              <a:xfrm>
                <a:off x="546101" y="1549401"/>
                <a:ext cx="327025" cy="325438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7" name="TextBox 6"/>
            <p:cNvSpPr txBox="1"/>
            <p:nvPr/>
          </p:nvSpPr>
          <p:spPr>
            <a:xfrm>
              <a:off x="410144" y="1566158"/>
              <a:ext cx="563880" cy="39624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20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60%</a:t>
              </a:r>
            </a:p>
          </p:txBody>
        </p:sp>
      </p:grpSp>
      <p:grpSp>
        <p:nvGrpSpPr>
          <p:cNvPr id="10" name="组合 9"/>
          <p:cNvGrpSpPr/>
          <p:nvPr/>
        </p:nvGrpSpPr>
        <p:grpSpPr>
          <a:xfrm>
            <a:off x="2762252" y="2143674"/>
            <a:ext cx="825500" cy="2606598"/>
            <a:chOff x="1238251" y="1566158"/>
            <a:chExt cx="825500" cy="2606598"/>
          </a:xfrm>
        </p:grpSpPr>
        <p:grpSp>
          <p:nvGrpSpPr>
            <p:cNvPr id="11" name="组合 10"/>
            <p:cNvGrpSpPr/>
            <p:nvPr/>
          </p:nvGrpSpPr>
          <p:grpSpPr>
            <a:xfrm>
              <a:off x="1238251" y="2062969"/>
              <a:ext cx="825500" cy="2109787"/>
              <a:chOff x="1238251" y="1549401"/>
              <a:chExt cx="825500" cy="2109787"/>
            </a:xfrm>
            <a:solidFill>
              <a:srgbClr val="729A95"/>
            </a:solidFill>
          </p:grpSpPr>
          <p:sp>
            <p:nvSpPr>
              <p:cNvPr id="13" name="Freeform 8"/>
              <p:cNvSpPr/>
              <p:nvPr/>
            </p:nvSpPr>
            <p:spPr bwMode="auto">
              <a:xfrm>
                <a:off x="1238251" y="1912938"/>
                <a:ext cx="825500" cy="1746250"/>
              </a:xfrm>
              <a:custGeom>
                <a:gdLst>
                  <a:gd fmla="*/ 32 w 43" name="T0"/>
                  <a:gd fmla="*/ 0 h 91" name="T1"/>
                  <a:gd fmla="*/ 11 w 43" name="T2"/>
                  <a:gd fmla="*/ 0 h 91" name="T3"/>
                  <a:gd fmla="*/ 0 w 43" name="T4"/>
                  <a:gd fmla="*/ 9 h 91" name="T5"/>
                  <a:gd fmla="*/ 0 w 43" name="T6"/>
                  <a:gd fmla="*/ 9 h 91" name="T7"/>
                  <a:gd fmla="*/ 0 w 43" name="T8"/>
                  <a:gd fmla="*/ 10 h 91" name="T9"/>
                  <a:gd fmla="*/ 0 w 43" name="T10"/>
                  <a:gd fmla="*/ 41 h 91" name="T11"/>
                  <a:gd fmla="*/ 3 w 43" name="T12"/>
                  <a:gd fmla="*/ 44 h 91" name="T13"/>
                  <a:gd fmla="*/ 7 w 43" name="T14"/>
                  <a:gd fmla="*/ 41 h 91" name="T15"/>
                  <a:gd fmla="*/ 7 w 43" name="T16"/>
                  <a:gd fmla="*/ 14 h 91" name="T17"/>
                  <a:gd fmla="*/ 10 w 43" name="T18"/>
                  <a:gd fmla="*/ 14 h 91" name="T19"/>
                  <a:gd fmla="*/ 10 w 43" name="T20"/>
                  <a:gd fmla="*/ 40 h 91" name="T21"/>
                  <a:gd fmla="*/ 10 w 43" name="T22"/>
                  <a:gd fmla="*/ 41 h 91" name="T23"/>
                  <a:gd fmla="*/ 10 w 43" name="T24"/>
                  <a:gd fmla="*/ 86 h 91" name="T25"/>
                  <a:gd fmla="*/ 15 w 43" name="T26"/>
                  <a:gd fmla="*/ 91 h 91" name="T27"/>
                  <a:gd fmla="*/ 20 w 43" name="T28"/>
                  <a:gd fmla="*/ 86 h 91" name="T29"/>
                  <a:gd fmla="*/ 20 w 43" name="T30"/>
                  <a:gd fmla="*/ 46 h 91" name="T31"/>
                  <a:gd fmla="*/ 22 w 43" name="T32"/>
                  <a:gd fmla="*/ 46 h 91" name="T33"/>
                  <a:gd fmla="*/ 22 w 43" name="T34"/>
                  <a:gd fmla="*/ 86 h 91" name="T35"/>
                  <a:gd fmla="*/ 27 w 43" name="T36"/>
                  <a:gd fmla="*/ 91 h 91" name="T37"/>
                  <a:gd fmla="*/ 32 w 43" name="T38"/>
                  <a:gd fmla="*/ 86 h 91" name="T39"/>
                  <a:gd fmla="*/ 32 w 43" name="T40"/>
                  <a:gd fmla="*/ 40 h 91" name="T41"/>
                  <a:gd fmla="*/ 32 w 43" name="T42"/>
                  <a:gd fmla="*/ 39 h 91" name="T43"/>
                  <a:gd fmla="*/ 32 w 43" name="T44"/>
                  <a:gd fmla="*/ 14 h 91" name="T45"/>
                  <a:gd fmla="*/ 35 w 43" name="T46"/>
                  <a:gd fmla="*/ 14 h 91" name="T47"/>
                  <a:gd fmla="*/ 35 w 43" name="T48"/>
                  <a:gd fmla="*/ 41 h 91" name="T49"/>
                  <a:gd fmla="*/ 39 w 43" name="T50"/>
                  <a:gd fmla="*/ 44 h 91" name="T51"/>
                  <a:gd fmla="*/ 43 w 43" name="T52"/>
                  <a:gd fmla="*/ 41 h 91" name="T53"/>
                  <a:gd fmla="*/ 43 w 43" name="T54"/>
                  <a:gd fmla="*/ 10 h 91" name="T55"/>
                  <a:gd fmla="*/ 43 w 43" name="T56"/>
                  <a:gd fmla="*/ 9 h 91" name="T57"/>
                  <a:gd fmla="*/ 43 w 43" name="T58"/>
                  <a:gd fmla="*/ 8 h 91" name="T59"/>
                  <a:gd fmla="*/ 32 w 43" name="T60"/>
                  <a:gd fmla="*/ 0 h 91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91" w="43">
                    <a:moveTo>
                      <a:pt x="32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2" y="0"/>
                      <a:pt x="0" y="6"/>
                      <a:pt x="0" y="9"/>
                    </a:cubicBezTo>
                    <a:cubicBezTo>
                      <a:pt x="0" y="9"/>
                      <a:pt x="0" y="9"/>
                      <a:pt x="0" y="9"/>
                    </a:cubicBezTo>
                    <a:cubicBezTo>
                      <a:pt x="0" y="10"/>
                      <a:pt x="0" y="10"/>
                      <a:pt x="0" y="10"/>
                    </a:cubicBezTo>
                    <a:cubicBezTo>
                      <a:pt x="0" y="41"/>
                      <a:pt x="0" y="41"/>
                      <a:pt x="0" y="41"/>
                    </a:cubicBezTo>
                    <a:cubicBezTo>
                      <a:pt x="0" y="43"/>
                      <a:pt x="1" y="44"/>
                      <a:pt x="3" y="44"/>
                    </a:cubicBezTo>
                    <a:cubicBezTo>
                      <a:pt x="5" y="44"/>
                      <a:pt x="7" y="43"/>
                      <a:pt x="7" y="41"/>
                    </a:cubicBezTo>
                    <a:cubicBezTo>
                      <a:pt x="7" y="14"/>
                      <a:pt x="7" y="14"/>
                      <a:pt x="7" y="14"/>
                    </a:cubicBezTo>
                    <a:cubicBezTo>
                      <a:pt x="10" y="14"/>
                      <a:pt x="10" y="14"/>
                      <a:pt x="10" y="14"/>
                    </a:cubicBezTo>
                    <a:cubicBezTo>
                      <a:pt x="10" y="40"/>
                      <a:pt x="10" y="40"/>
                      <a:pt x="10" y="40"/>
                    </a:cubicBezTo>
                    <a:cubicBezTo>
                      <a:pt x="10" y="40"/>
                      <a:pt x="10" y="40"/>
                      <a:pt x="10" y="41"/>
                    </a:cubicBezTo>
                    <a:cubicBezTo>
                      <a:pt x="10" y="86"/>
                      <a:pt x="10" y="86"/>
                      <a:pt x="10" y="86"/>
                    </a:cubicBezTo>
                    <a:cubicBezTo>
                      <a:pt x="10" y="89"/>
                      <a:pt x="12" y="91"/>
                      <a:pt x="15" y="91"/>
                    </a:cubicBezTo>
                    <a:cubicBezTo>
                      <a:pt x="18" y="91"/>
                      <a:pt x="20" y="89"/>
                      <a:pt x="20" y="86"/>
                    </a:cubicBezTo>
                    <a:cubicBezTo>
                      <a:pt x="20" y="46"/>
                      <a:pt x="20" y="46"/>
                      <a:pt x="20" y="46"/>
                    </a:cubicBezTo>
                    <a:cubicBezTo>
                      <a:pt x="22" y="46"/>
                      <a:pt x="22" y="46"/>
                      <a:pt x="22" y="46"/>
                    </a:cubicBezTo>
                    <a:cubicBezTo>
                      <a:pt x="22" y="86"/>
                      <a:pt x="22" y="86"/>
                      <a:pt x="22" y="86"/>
                    </a:cubicBezTo>
                    <a:cubicBezTo>
                      <a:pt x="22" y="89"/>
                      <a:pt x="25" y="91"/>
                      <a:pt x="27" y="91"/>
                    </a:cubicBezTo>
                    <a:cubicBezTo>
                      <a:pt x="30" y="91"/>
                      <a:pt x="32" y="89"/>
                      <a:pt x="32" y="86"/>
                    </a:cubicBezTo>
                    <a:cubicBezTo>
                      <a:pt x="32" y="40"/>
                      <a:pt x="32" y="40"/>
                      <a:pt x="32" y="40"/>
                    </a:cubicBezTo>
                    <a:cubicBezTo>
                      <a:pt x="32" y="39"/>
                      <a:pt x="32" y="39"/>
                      <a:pt x="32" y="39"/>
                    </a:cubicBezTo>
                    <a:cubicBezTo>
                      <a:pt x="32" y="14"/>
                      <a:pt x="32" y="14"/>
                      <a:pt x="32" y="14"/>
                    </a:cubicBezTo>
                    <a:cubicBezTo>
                      <a:pt x="35" y="14"/>
                      <a:pt x="35" y="14"/>
                      <a:pt x="35" y="14"/>
                    </a:cubicBezTo>
                    <a:cubicBezTo>
                      <a:pt x="35" y="41"/>
                      <a:pt x="35" y="41"/>
                      <a:pt x="35" y="41"/>
                    </a:cubicBezTo>
                    <a:cubicBezTo>
                      <a:pt x="35" y="43"/>
                      <a:pt x="37" y="44"/>
                      <a:pt x="39" y="44"/>
                    </a:cubicBezTo>
                    <a:cubicBezTo>
                      <a:pt x="41" y="44"/>
                      <a:pt x="43" y="43"/>
                      <a:pt x="43" y="41"/>
                    </a:cubicBezTo>
                    <a:cubicBezTo>
                      <a:pt x="43" y="10"/>
                      <a:pt x="43" y="10"/>
                      <a:pt x="43" y="10"/>
                    </a:cubicBezTo>
                    <a:cubicBezTo>
                      <a:pt x="43" y="9"/>
                      <a:pt x="43" y="9"/>
                      <a:pt x="43" y="9"/>
                    </a:cubicBezTo>
                    <a:cubicBezTo>
                      <a:pt x="43" y="8"/>
                      <a:pt x="43" y="8"/>
                      <a:pt x="43" y="8"/>
                    </a:cubicBezTo>
                    <a:cubicBezTo>
                      <a:pt x="43" y="5"/>
                      <a:pt x="39" y="0"/>
                      <a:pt x="32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4" name="Oval 9"/>
              <p:cNvSpPr>
                <a:spLocks noChangeArrowheads="1"/>
              </p:cNvSpPr>
              <p:nvPr/>
            </p:nvSpPr>
            <p:spPr bwMode="auto">
              <a:xfrm>
                <a:off x="1468438" y="1549401"/>
                <a:ext cx="346075" cy="325438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12" name="TextBox 11"/>
            <p:cNvSpPr txBox="1"/>
            <p:nvPr/>
          </p:nvSpPr>
          <p:spPr>
            <a:xfrm>
              <a:off x="1374648" y="1566158"/>
              <a:ext cx="563880" cy="39624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20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80%</a:t>
              </a: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684590" y="2143674"/>
            <a:ext cx="844550" cy="2606598"/>
            <a:chOff x="2160588" y="1566158"/>
            <a:chExt cx="844550" cy="2606598"/>
          </a:xfrm>
        </p:grpSpPr>
        <p:grpSp>
          <p:nvGrpSpPr>
            <p:cNvPr id="16" name="组合 15"/>
            <p:cNvGrpSpPr/>
            <p:nvPr/>
          </p:nvGrpSpPr>
          <p:grpSpPr>
            <a:xfrm>
              <a:off x="2160588" y="2062969"/>
              <a:ext cx="844550" cy="2109787"/>
              <a:chOff x="2160588" y="1549401"/>
              <a:chExt cx="844550" cy="2109787"/>
            </a:xfrm>
            <a:solidFill>
              <a:srgbClr val="CABD6C"/>
            </a:solidFill>
          </p:grpSpPr>
          <p:sp>
            <p:nvSpPr>
              <p:cNvPr id="18" name="Freeform 10"/>
              <p:cNvSpPr/>
              <p:nvPr/>
            </p:nvSpPr>
            <p:spPr bwMode="auto">
              <a:xfrm>
                <a:off x="2160588" y="1912938"/>
                <a:ext cx="844550" cy="1746250"/>
              </a:xfrm>
              <a:custGeom>
                <a:gdLst>
                  <a:gd fmla="*/ 33 w 44" name="T0"/>
                  <a:gd fmla="*/ 0 h 91" name="T1"/>
                  <a:gd fmla="*/ 11 w 44" name="T2"/>
                  <a:gd fmla="*/ 0 h 91" name="T3"/>
                  <a:gd fmla="*/ 0 w 44" name="T4"/>
                  <a:gd fmla="*/ 9 h 91" name="T5"/>
                  <a:gd fmla="*/ 0 w 44" name="T6"/>
                  <a:gd fmla="*/ 9 h 91" name="T7"/>
                  <a:gd fmla="*/ 0 w 44" name="T8"/>
                  <a:gd fmla="*/ 10 h 91" name="T9"/>
                  <a:gd fmla="*/ 0 w 44" name="T10"/>
                  <a:gd fmla="*/ 41 h 91" name="T11"/>
                  <a:gd fmla="*/ 4 w 44" name="T12"/>
                  <a:gd fmla="*/ 44 h 91" name="T13"/>
                  <a:gd fmla="*/ 8 w 44" name="T14"/>
                  <a:gd fmla="*/ 41 h 91" name="T15"/>
                  <a:gd fmla="*/ 8 w 44" name="T16"/>
                  <a:gd fmla="*/ 14 h 91" name="T17"/>
                  <a:gd fmla="*/ 11 w 44" name="T18"/>
                  <a:gd fmla="*/ 14 h 91" name="T19"/>
                  <a:gd fmla="*/ 11 w 44" name="T20"/>
                  <a:gd fmla="*/ 40 h 91" name="T21"/>
                  <a:gd fmla="*/ 11 w 44" name="T22"/>
                  <a:gd fmla="*/ 41 h 91" name="T23"/>
                  <a:gd fmla="*/ 11 w 44" name="T24"/>
                  <a:gd fmla="*/ 86 h 91" name="T25"/>
                  <a:gd fmla="*/ 16 w 44" name="T26"/>
                  <a:gd fmla="*/ 91 h 91" name="T27"/>
                  <a:gd fmla="*/ 21 w 44" name="T28"/>
                  <a:gd fmla="*/ 86 h 91" name="T29"/>
                  <a:gd fmla="*/ 21 w 44" name="T30"/>
                  <a:gd fmla="*/ 46 h 91" name="T31"/>
                  <a:gd fmla="*/ 23 w 44" name="T32"/>
                  <a:gd fmla="*/ 46 h 91" name="T33"/>
                  <a:gd fmla="*/ 23 w 44" name="T34"/>
                  <a:gd fmla="*/ 86 h 91" name="T35"/>
                  <a:gd fmla="*/ 28 w 44" name="T36"/>
                  <a:gd fmla="*/ 91 h 91" name="T37"/>
                  <a:gd fmla="*/ 33 w 44" name="T38"/>
                  <a:gd fmla="*/ 86 h 91" name="T39"/>
                  <a:gd fmla="*/ 33 w 44" name="T40"/>
                  <a:gd fmla="*/ 40 h 91" name="T41"/>
                  <a:gd fmla="*/ 33 w 44" name="T42"/>
                  <a:gd fmla="*/ 39 h 91" name="T43"/>
                  <a:gd fmla="*/ 33 w 44" name="T44"/>
                  <a:gd fmla="*/ 14 h 91" name="T45"/>
                  <a:gd fmla="*/ 36 w 44" name="T46"/>
                  <a:gd fmla="*/ 14 h 91" name="T47"/>
                  <a:gd fmla="*/ 36 w 44" name="T48"/>
                  <a:gd fmla="*/ 41 h 91" name="T49"/>
                  <a:gd fmla="*/ 40 w 44" name="T50"/>
                  <a:gd fmla="*/ 44 h 91" name="T51"/>
                  <a:gd fmla="*/ 44 w 44" name="T52"/>
                  <a:gd fmla="*/ 41 h 91" name="T53"/>
                  <a:gd fmla="*/ 44 w 44" name="T54"/>
                  <a:gd fmla="*/ 10 h 91" name="T55"/>
                  <a:gd fmla="*/ 44 w 44" name="T56"/>
                  <a:gd fmla="*/ 9 h 91" name="T57"/>
                  <a:gd fmla="*/ 44 w 44" name="T58"/>
                  <a:gd fmla="*/ 8 h 91" name="T59"/>
                  <a:gd fmla="*/ 33 w 44" name="T60"/>
                  <a:gd fmla="*/ 0 h 91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91" w="44">
                    <a:moveTo>
                      <a:pt x="33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3" y="0"/>
                      <a:pt x="0" y="6"/>
                      <a:pt x="0" y="9"/>
                    </a:cubicBezTo>
                    <a:cubicBezTo>
                      <a:pt x="0" y="9"/>
                      <a:pt x="0" y="9"/>
                      <a:pt x="0" y="9"/>
                    </a:cubicBezTo>
                    <a:cubicBezTo>
                      <a:pt x="0" y="10"/>
                      <a:pt x="0" y="10"/>
                      <a:pt x="0" y="10"/>
                    </a:cubicBezTo>
                    <a:cubicBezTo>
                      <a:pt x="0" y="41"/>
                      <a:pt x="0" y="41"/>
                      <a:pt x="0" y="41"/>
                    </a:cubicBezTo>
                    <a:cubicBezTo>
                      <a:pt x="0" y="43"/>
                      <a:pt x="2" y="44"/>
                      <a:pt x="4" y="44"/>
                    </a:cubicBezTo>
                    <a:cubicBezTo>
                      <a:pt x="6" y="44"/>
                      <a:pt x="8" y="43"/>
                      <a:pt x="8" y="41"/>
                    </a:cubicBezTo>
                    <a:cubicBezTo>
                      <a:pt x="8" y="14"/>
                      <a:pt x="8" y="14"/>
                      <a:pt x="8" y="14"/>
                    </a:cubicBezTo>
                    <a:cubicBezTo>
                      <a:pt x="11" y="14"/>
                      <a:pt x="11" y="14"/>
                      <a:pt x="11" y="14"/>
                    </a:cubicBezTo>
                    <a:cubicBezTo>
                      <a:pt x="11" y="40"/>
                      <a:pt x="11" y="40"/>
                      <a:pt x="11" y="40"/>
                    </a:cubicBezTo>
                    <a:cubicBezTo>
                      <a:pt x="11" y="40"/>
                      <a:pt x="11" y="40"/>
                      <a:pt x="11" y="41"/>
                    </a:cubicBezTo>
                    <a:cubicBezTo>
                      <a:pt x="11" y="86"/>
                      <a:pt x="11" y="86"/>
                      <a:pt x="11" y="86"/>
                    </a:cubicBezTo>
                    <a:cubicBezTo>
                      <a:pt x="11" y="89"/>
                      <a:pt x="13" y="91"/>
                      <a:pt x="16" y="91"/>
                    </a:cubicBezTo>
                    <a:cubicBezTo>
                      <a:pt x="18" y="91"/>
                      <a:pt x="21" y="89"/>
                      <a:pt x="21" y="86"/>
                    </a:cubicBezTo>
                    <a:cubicBezTo>
                      <a:pt x="21" y="46"/>
                      <a:pt x="21" y="46"/>
                      <a:pt x="21" y="46"/>
                    </a:cubicBezTo>
                    <a:cubicBezTo>
                      <a:pt x="23" y="46"/>
                      <a:pt x="23" y="46"/>
                      <a:pt x="23" y="46"/>
                    </a:cubicBezTo>
                    <a:cubicBezTo>
                      <a:pt x="23" y="86"/>
                      <a:pt x="23" y="86"/>
                      <a:pt x="23" y="86"/>
                    </a:cubicBezTo>
                    <a:cubicBezTo>
                      <a:pt x="23" y="89"/>
                      <a:pt x="25" y="91"/>
                      <a:pt x="28" y="91"/>
                    </a:cubicBezTo>
                    <a:cubicBezTo>
                      <a:pt x="31" y="91"/>
                      <a:pt x="33" y="89"/>
                      <a:pt x="33" y="86"/>
                    </a:cubicBezTo>
                    <a:cubicBezTo>
                      <a:pt x="33" y="40"/>
                      <a:pt x="33" y="40"/>
                      <a:pt x="33" y="40"/>
                    </a:cubicBezTo>
                    <a:cubicBezTo>
                      <a:pt x="33" y="39"/>
                      <a:pt x="33" y="39"/>
                      <a:pt x="33" y="39"/>
                    </a:cubicBezTo>
                    <a:cubicBezTo>
                      <a:pt x="33" y="14"/>
                      <a:pt x="33" y="14"/>
                      <a:pt x="33" y="14"/>
                    </a:cubicBezTo>
                    <a:cubicBezTo>
                      <a:pt x="36" y="14"/>
                      <a:pt x="36" y="14"/>
                      <a:pt x="36" y="14"/>
                    </a:cubicBezTo>
                    <a:cubicBezTo>
                      <a:pt x="36" y="41"/>
                      <a:pt x="36" y="41"/>
                      <a:pt x="36" y="41"/>
                    </a:cubicBezTo>
                    <a:cubicBezTo>
                      <a:pt x="36" y="43"/>
                      <a:pt x="38" y="44"/>
                      <a:pt x="40" y="44"/>
                    </a:cubicBezTo>
                    <a:cubicBezTo>
                      <a:pt x="42" y="44"/>
                      <a:pt x="44" y="43"/>
                      <a:pt x="44" y="41"/>
                    </a:cubicBezTo>
                    <a:cubicBezTo>
                      <a:pt x="44" y="10"/>
                      <a:pt x="44" y="10"/>
                      <a:pt x="44" y="10"/>
                    </a:cubicBezTo>
                    <a:cubicBezTo>
                      <a:pt x="44" y="9"/>
                      <a:pt x="44" y="9"/>
                      <a:pt x="44" y="9"/>
                    </a:cubicBezTo>
                    <a:cubicBezTo>
                      <a:pt x="44" y="8"/>
                      <a:pt x="44" y="8"/>
                      <a:pt x="44" y="8"/>
                    </a:cubicBezTo>
                    <a:cubicBezTo>
                      <a:pt x="44" y="5"/>
                      <a:pt x="40" y="0"/>
                      <a:pt x="33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9" name="Oval 11"/>
              <p:cNvSpPr>
                <a:spLocks noChangeArrowheads="1"/>
              </p:cNvSpPr>
              <p:nvPr/>
            </p:nvSpPr>
            <p:spPr bwMode="auto">
              <a:xfrm>
                <a:off x="2409826" y="1549401"/>
                <a:ext cx="346075" cy="325438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17" name="TextBox 16"/>
            <p:cNvSpPr txBox="1"/>
            <p:nvPr/>
          </p:nvSpPr>
          <p:spPr>
            <a:xfrm>
              <a:off x="2314100" y="1566158"/>
              <a:ext cx="563880" cy="39624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20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90%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2" presetSubtype="8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7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8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9" nodeType="withEffect" presetClass="entr" presetID="2" presetSubtype="8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dur="1" fill="hold" id="1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1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2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3" nodeType="withEffect" presetClass="entr" presetID="2" presetSubtype="8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14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5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6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7" nodeType="withEffect" presetClass="entr" presetID="22" presetSubtype="8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dur="1" fill="hold" id="1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19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31" name="矩形 30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<a:prstTxWarp prst="textNoShape">
              <a:avLst/>
            </a:prstTxWarp>
            <a:noAutofit/>
          </a:bodyPr>
          <a:lstStyle/>
          <a:p>
            <a:pPr algn="ctr"/>
            <a:endParaRPr altLang="en-US" lang="zh-CN"/>
          </a:p>
        </p:txBody>
      </p:sp>
      <p:grpSp>
        <p:nvGrpSpPr>
          <p:cNvPr id="32" name="组合 31"/>
          <p:cNvGrpSpPr/>
          <p:nvPr/>
        </p:nvGrpSpPr>
        <p:grpSpPr>
          <a:xfrm>
            <a:off x="2385819" y="2996146"/>
            <a:ext cx="936104" cy="936104"/>
            <a:chOff x="971600" y="1635646"/>
            <a:chExt cx="936104" cy="936104"/>
          </a:xfrm>
        </p:grpSpPr>
        <p:sp>
          <p:nvSpPr>
            <p:cNvPr id="33" name="椭圆 32"/>
            <p:cNvSpPr/>
            <p:nvPr/>
          </p:nvSpPr>
          <p:spPr>
            <a:xfrm>
              <a:off x="971600" y="1635646"/>
              <a:ext cx="936104" cy="936104"/>
            </a:xfrm>
            <a:prstGeom prst="ellipse">
              <a:avLst/>
            </a:prstGeom>
            <a:noFill/>
            <a:ln w="19050">
              <a:solidFill>
                <a:schemeClr val="tx1">
                  <a:lumMod val="65000"/>
                  <a:lumOff val="3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>
                <a:solidFill>
                  <a:schemeClr val="bg1">
                    <a:lumMod val="50000"/>
                  </a:schemeClr>
                </a:solidFill>
              </a:endParaRP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1135417" y="1744378"/>
              <a:ext cx="462280" cy="7620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4400">
                  <a:solidFill>
                    <a:schemeClr val="tx1">
                      <a:lumMod val="65000"/>
                      <a:lumOff val="35000"/>
                    </a:schemeClr>
                  </a:solidFill>
                  <a:latin charset="-122" pitchFamily="2" typeface="方正正中黑简体"/>
                  <a:ea charset="-122" pitchFamily="2" typeface="方正正中黑简体"/>
                </a:rPr>
                <a:t>3</a:t>
              </a:r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5322601" y="1947593"/>
            <a:ext cx="2349499" cy="2057471"/>
            <a:chOff x="3482595" y="805643"/>
            <a:chExt cx="2349499" cy="2057471"/>
          </a:xfrm>
        </p:grpSpPr>
        <p:grpSp>
          <p:nvGrpSpPr>
            <p:cNvPr id="36" name="组合 35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38" name="任意多边形 3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39" name="任意多边形 3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37" name="矩形 36"/>
            <p:cNvSpPr/>
            <p:nvPr/>
          </p:nvSpPr>
          <p:spPr>
            <a:xfrm rot="3269671">
              <a:off x="3704681" y="1542935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40" name="组合 39"/>
          <p:cNvGrpSpPr/>
          <p:nvPr/>
        </p:nvGrpSpPr>
        <p:grpSpPr>
          <a:xfrm>
            <a:off x="6478511" y="2011091"/>
            <a:ext cx="2349499" cy="1993973"/>
            <a:chOff x="4716310" y="869141"/>
            <a:chExt cx="2349499" cy="1993973"/>
          </a:xfrm>
        </p:grpSpPr>
        <p:grpSp>
          <p:nvGrpSpPr>
            <p:cNvPr id="41" name="组合 40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43" name="任意多边形 4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44" name="任意多边形 43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2" name="矩形 41"/>
            <p:cNvSpPr/>
            <p:nvPr/>
          </p:nvSpPr>
          <p:spPr>
            <a:xfrm rot="3257822">
              <a:off x="4983724" y="1606446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7634419" y="1972991"/>
            <a:ext cx="2349499" cy="2032072"/>
            <a:chOff x="6138710" y="831042"/>
            <a:chExt cx="2349499" cy="2032072"/>
          </a:xfrm>
        </p:grpSpPr>
        <p:grpSp>
          <p:nvGrpSpPr>
            <p:cNvPr id="46" name="组合 45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48" name="任意多边形 4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49" name="任意多边形 4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7" name="矩形 46"/>
            <p:cNvSpPr/>
            <p:nvPr/>
          </p:nvSpPr>
          <p:spPr>
            <a:xfrm rot="3279009">
              <a:off x="6360817" y="1568323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50" name="组合 49"/>
          <p:cNvGrpSpPr/>
          <p:nvPr/>
        </p:nvGrpSpPr>
        <p:grpSpPr>
          <a:xfrm>
            <a:off x="4166693" y="1972993"/>
            <a:ext cx="2349499" cy="2032071"/>
            <a:chOff x="3482595" y="831043"/>
            <a:chExt cx="2349499" cy="2032071"/>
          </a:xfrm>
        </p:grpSpPr>
        <p:grpSp>
          <p:nvGrpSpPr>
            <p:cNvPr id="51" name="组合 50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53" name="任意多边形 5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54" name="任意多边形 53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52" name="矩形 51"/>
            <p:cNvSpPr/>
            <p:nvPr/>
          </p:nvSpPr>
          <p:spPr>
            <a:xfrm rot="3273216">
              <a:off x="3679288" y="1568330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55" name="组合 54"/>
          <p:cNvGrpSpPr/>
          <p:nvPr/>
        </p:nvGrpSpPr>
        <p:grpSpPr>
          <a:xfrm>
            <a:off x="6467090" y="2023005"/>
            <a:ext cx="2829559" cy="2661364"/>
            <a:chOff x="2171701" y="890977"/>
            <a:chExt cx="2829559" cy="2661364"/>
          </a:xfrm>
        </p:grpSpPr>
        <p:grpSp>
          <p:nvGrpSpPr>
            <p:cNvPr id="56" name="组合 55"/>
            <p:cNvGrpSpPr/>
            <p:nvPr/>
          </p:nvGrpSpPr>
          <p:grpSpPr>
            <a:xfrm>
              <a:off x="2171701" y="939799"/>
              <a:ext cx="2829559" cy="2612542"/>
              <a:chOff x="2171701" y="939799"/>
              <a:chExt cx="2829559" cy="2612542"/>
            </a:xfrm>
          </p:grpSpPr>
          <p:sp>
            <p:nvSpPr>
              <p:cNvPr id="58" name="任意多边形 5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30969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30969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30969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30969" y="0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59" name="任意多边形 58"/>
              <p:cNvSpPr/>
              <p:nvPr/>
            </p:nvSpPr>
            <p:spPr>
              <a:xfrm>
                <a:off x="2298700" y="939799"/>
                <a:ext cx="2702560" cy="2612542"/>
              </a:xfrm>
              <a:custGeom>
                <a:gdLst>
                  <a:gd fmla="*/ 0 w 2702560" name="connsiteX0"/>
                  <a:gd fmla="*/ 0 h 1907295" name="connsiteY0"/>
                  <a:gd fmla="*/ 1898968 w 2702560" name="connsiteX1"/>
                  <a:gd fmla="*/ 1907295 h 1907295" name="connsiteY1"/>
                  <a:gd fmla="*/ 2702560 w 2702560" name="connsiteX2"/>
                  <a:gd fmla="*/ 1904654 h 1907295" name="connsiteY2"/>
                  <a:gd fmla="*/ 825500 w 2702560" name="connsiteX3"/>
                  <a:gd fmla="*/ 0 h 1907295" name="connsiteY3"/>
                  <a:gd fmla="*/ 0 w 2702560" name="connsiteX4"/>
                  <a:gd fmla="*/ 0 h 1907295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907295" w="2702560">
                    <a:moveTo>
                      <a:pt x="0" y="0"/>
                    </a:moveTo>
                    <a:lnTo>
                      <a:pt x="1898968" y="1907295"/>
                    </a:lnTo>
                    <a:lnTo>
                      <a:pt x="2702560" y="1904654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57" name="矩形 56"/>
            <p:cNvSpPr/>
            <p:nvPr/>
          </p:nvSpPr>
          <p:spPr>
            <a:xfrm rot="3329058">
              <a:off x="2359543" y="1831753"/>
              <a:ext cx="22148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标题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45" presetSubtype="0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500" id="7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500" fill="hold" id="8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9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2" presetSubtype="8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2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3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4" nodeType="withEffect" presetClass="exit" presetID="2" presetSubtype="2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dur="500" id="15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id="16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070100" y="1926390"/>
            <a:ext cx="8202364" cy="1385888"/>
            <a:chOff x="546100" y="1397000"/>
            <a:chExt cx="8202364" cy="1385888"/>
          </a:xfrm>
        </p:grpSpPr>
        <p:grpSp>
          <p:nvGrpSpPr>
            <p:cNvPr id="3" name="组合 2"/>
            <p:cNvGrpSpPr/>
            <p:nvPr/>
          </p:nvGrpSpPr>
          <p:grpSpPr>
            <a:xfrm>
              <a:off x="546100" y="1397000"/>
              <a:ext cx="8202364" cy="1385888"/>
              <a:chOff x="546100" y="1447800"/>
              <a:chExt cx="8202364" cy="1385888"/>
            </a:xfrm>
          </p:grpSpPr>
          <p:sp>
            <p:nvSpPr>
              <p:cNvPr id="7" name="矩形 6"/>
              <p:cNvSpPr/>
              <p:nvPr/>
            </p:nvSpPr>
            <p:spPr>
              <a:xfrm>
                <a:off x="546100" y="1447800"/>
                <a:ext cx="8202364" cy="1385888"/>
              </a:xfrm>
              <a:prstGeom prst="rect">
                <a:avLst/>
              </a:pr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pic>
            <p:nvPicPr>
              <p:cNvPr id="8" name="Picture 3"/>
              <p:cNvPicPr>
                <a:picLocks noChangeArrowheads="1" noChangeAspect="1"/>
              </p:cNvPicPr>
              <p:nvPr/>
            </p:nvPicPr>
            <p:blipFill>
              <a:blip r:embed="rId2">
                <a:grayscl/>
                <a:extLst>
                  <a:ext uri="{BEBA8EAE-BF5A-486C-A8C5-ECC9F3942E4B}">
                    <a14:imgProps>
                      <a14:imgLayer r:embed="rId3">
                        <a14:imgEffect>
                          <a14:saturation sat="0"/>
                        </a14:imgEffect>
                      </a14:imgLayer>
                    </a14:imgProps>
                  </a:ext>
                  <a:ext uri="{28A0092B-C50C-407E-A947-70E740481C1C}">
                    <a14:useLocalDpi/>
                  </a:ext>
                </a:extLst>
              </a:blip>
              <a:stretch>
                <a:fillRect/>
              </a:stretch>
            </p:blipFill>
            <p:spPr bwMode="auto">
              <a:xfrm>
                <a:off x="762218" y="1490563"/>
                <a:ext cx="1807083" cy="1297256"/>
              </a:xfrm>
              <a:prstGeom prst="rect">
                <a:avLst/>
              </a:prstGeom>
              <a:noFill/>
              <a:ln w="3175">
                <a:noFill/>
                <a:miter lim="800000"/>
              </a:ln>
              <a:extLst>
                <a:ext uri="{909E8E84-426E-40DD-AFC4-6F175D3DCCD1}">
                  <a14:hiddenFill>
                    <a:solidFill>
                      <a:schemeClr val="accent1"/>
                    </a:solidFill>
                  </a14:hiddenFill>
                </a:ext>
              </a:extLst>
            </p:spPr>
          </p:pic>
          <p:grpSp>
            <p:nvGrpSpPr>
              <p:cNvPr id="9" name="组合 8"/>
              <p:cNvGrpSpPr/>
              <p:nvPr/>
            </p:nvGrpSpPr>
            <p:grpSpPr>
              <a:xfrm>
                <a:off x="2799815" y="1471683"/>
                <a:ext cx="5604312" cy="1243954"/>
                <a:chOff x="2954340" y="1255708"/>
                <a:chExt cx="5604312" cy="1243954"/>
              </a:xfrm>
            </p:grpSpPr>
            <p:sp>
              <p:nvSpPr>
                <p:cNvPr id="10" name="矩形 9"/>
                <p:cNvSpPr>
                  <a:spLocks noChangeArrowheads="1"/>
                </p:cNvSpPr>
                <p:nvPr/>
              </p:nvSpPr>
              <p:spPr bwMode="auto">
                <a:xfrm>
                  <a:off x="2954339" y="1637888"/>
                  <a:ext cx="5604312" cy="853440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w="9525">
                      <a:solidFill>
                        <a:srgbClr val="000000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 wrap="square">
                  <a:spAutoFit/>
                </a:bodyPr>
                <a:lstStyle/>
                <a:p>
                  <a:pPr>
                    <a:lnSpc>
                      <a:spcPts val="2000"/>
                    </a:lnSpc>
                  </a:pPr>
                  <a:r>
                    <a:rPr altLang="zh-CN" lang="en-US" sz="1200">
                      <a:solidFill>
                        <a:schemeClr val="bg1"/>
                      </a:solidFill>
                      <a:latin typeface="Arial"/>
                    </a:rPr>
                    <a:t>RAPIDPPT, the leader of professional PPT designer in China. </a:t>
                  </a:r>
                </a:p>
                <a:p>
                  <a:pPr>
                    <a:lnSpc>
                      <a:spcPts val="2000"/>
                    </a:lnSpc>
                  </a:pPr>
                  <a:r>
                    <a:rPr altLang="zh-CN" lang="en-US" sz="1200">
                      <a:solidFill>
                        <a:schemeClr val="bg1"/>
                      </a:solidFill>
                      <a:latin typeface="Arial"/>
                    </a:rPr>
                    <a:t>5years of making professional PPT, classical PPT, </a:t>
                  </a:r>
                </a:p>
                <a:p>
                  <a:pPr>
                    <a:lnSpc>
                      <a:spcPts val="2000"/>
                    </a:lnSpc>
                  </a:pPr>
                  <a:r>
                    <a:rPr altLang="zh-CN" lang="en-US" sz="1200">
                      <a:solidFill>
                        <a:schemeClr val="bg1"/>
                      </a:solidFill>
                      <a:latin typeface="Arial"/>
                    </a:rPr>
                    <a:t>differs from the traditional production model, and create a new PPTexperience.</a:t>
                  </a:r>
                </a:p>
              </p:txBody>
            </p:sp>
            <p:sp>
              <p:nvSpPr>
                <p:cNvPr id="11" name="矩形 10"/>
                <p:cNvSpPr/>
                <p:nvPr/>
              </p:nvSpPr>
              <p:spPr>
                <a:xfrm>
                  <a:off x="2963099" y="1255708"/>
                  <a:ext cx="2214880" cy="384048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 defTabSz="185738">
                    <a:lnSpc>
                      <a:spcPct val="120000"/>
                    </a:lnSpc>
                  </a:pPr>
                  <a:r>
                    <a:rPr altLang="en-US" kern="0" lang="zh-CN" sz="1600">
                      <a:solidFill>
                        <a:schemeClr val="bg1"/>
                      </a:solidFill>
                      <a:latin charset="-122" pitchFamily="34" typeface="微软雅黑"/>
                      <a:ea charset="-122" pitchFamily="34" typeface="微软雅黑"/>
                    </a:rPr>
                    <a:t>单击此处添加文字内容</a:t>
                  </a:r>
                </a:p>
              </p:txBody>
            </p:sp>
          </p:grpSp>
        </p:grpSp>
        <p:grpSp>
          <p:nvGrpSpPr>
            <p:cNvPr id="4" name="组合 3"/>
            <p:cNvGrpSpPr/>
            <p:nvPr/>
          </p:nvGrpSpPr>
          <p:grpSpPr>
            <a:xfrm>
              <a:off x="1134414" y="2436465"/>
              <a:ext cx="936104" cy="253916"/>
              <a:chOff x="1763688" y="2264213"/>
              <a:chExt cx="936104" cy="253916"/>
            </a:xfrm>
          </p:grpSpPr>
          <p:sp>
            <p:nvSpPr>
              <p:cNvPr id="5" name="矩形 4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6" name="矩形 5"/>
              <p:cNvSpPr/>
              <p:nvPr/>
            </p:nvSpPr>
            <p:spPr>
              <a:xfrm>
                <a:off x="1868151" y="2264213"/>
                <a:ext cx="716280" cy="25146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altLang="en-US" kern="0" lang="zh-CN" sz="1050">
                    <a:solidFill>
                      <a:schemeClr val="bg1"/>
                    </a:solidFill>
                    <a:latin charset="-122" pitchFamily="34" typeface="微软雅黑"/>
                    <a:ea charset="-122" pitchFamily="34" typeface="微软雅黑"/>
                  </a:rPr>
                  <a:t>添加文本</a:t>
                </a:r>
              </a:p>
            </p:txBody>
          </p:sp>
        </p:grpSp>
      </p:grpSp>
      <p:grpSp>
        <p:nvGrpSpPr>
          <p:cNvPr id="12" name="组合 11"/>
          <p:cNvGrpSpPr/>
          <p:nvPr/>
        </p:nvGrpSpPr>
        <p:grpSpPr>
          <a:xfrm>
            <a:off x="2070100" y="3488490"/>
            <a:ext cx="8202364" cy="1385888"/>
            <a:chOff x="546100" y="2959100"/>
            <a:chExt cx="8202364" cy="1385888"/>
          </a:xfrm>
        </p:grpSpPr>
        <p:grpSp>
          <p:nvGrpSpPr>
            <p:cNvPr id="13" name="组合 12"/>
            <p:cNvGrpSpPr/>
            <p:nvPr/>
          </p:nvGrpSpPr>
          <p:grpSpPr>
            <a:xfrm>
              <a:off x="546100" y="2959100"/>
              <a:ext cx="8202364" cy="1385888"/>
              <a:chOff x="546100" y="2959100"/>
              <a:chExt cx="8202364" cy="1385888"/>
            </a:xfrm>
          </p:grpSpPr>
          <p:sp>
            <p:nvSpPr>
              <p:cNvPr id="17" name="矩形 16"/>
              <p:cNvSpPr/>
              <p:nvPr/>
            </p:nvSpPr>
            <p:spPr>
              <a:xfrm>
                <a:off x="546100" y="2959100"/>
                <a:ext cx="8202364" cy="1385888"/>
              </a:xfrm>
              <a:prstGeom prst="rect">
                <a:avLst/>
              </a:pr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grpSp>
            <p:nvGrpSpPr>
              <p:cNvPr id="18" name="组合 17"/>
              <p:cNvGrpSpPr/>
              <p:nvPr/>
            </p:nvGrpSpPr>
            <p:grpSpPr>
              <a:xfrm>
                <a:off x="2799815" y="2982983"/>
                <a:ext cx="5604312" cy="1243954"/>
                <a:chOff x="2954340" y="1255708"/>
                <a:chExt cx="5604312" cy="1243954"/>
              </a:xfrm>
            </p:grpSpPr>
            <p:sp>
              <p:nvSpPr>
                <p:cNvPr id="20" name="矩形 19"/>
                <p:cNvSpPr>
                  <a:spLocks noChangeArrowheads="1"/>
                </p:cNvSpPr>
                <p:nvPr/>
              </p:nvSpPr>
              <p:spPr bwMode="auto">
                <a:xfrm>
                  <a:off x="2954339" y="1637889"/>
                  <a:ext cx="5604312" cy="853440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w="9525">
                      <a:solidFill>
                        <a:srgbClr val="000000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 wrap="square">
                  <a:spAutoFit/>
                </a:bodyPr>
                <a:lstStyle/>
                <a:p>
                  <a:pPr>
                    <a:lnSpc>
                      <a:spcPts val="2000"/>
                    </a:lnSpc>
                  </a:pPr>
                  <a:r>
                    <a:rPr altLang="zh-CN" lang="en-US" sz="1200">
                      <a:solidFill>
                        <a:schemeClr val="bg1"/>
                      </a:solidFill>
                      <a:latin typeface="Arial"/>
                    </a:rPr>
                    <a:t>RAPIDPPT, the leader of professional PPT designer in China. </a:t>
                  </a:r>
                </a:p>
                <a:p>
                  <a:pPr>
                    <a:lnSpc>
                      <a:spcPts val="2000"/>
                    </a:lnSpc>
                  </a:pPr>
                  <a:r>
                    <a:rPr altLang="zh-CN" lang="en-US" sz="1200">
                      <a:solidFill>
                        <a:schemeClr val="bg1"/>
                      </a:solidFill>
                      <a:latin typeface="Arial"/>
                    </a:rPr>
                    <a:t>5years of making professional PPT, classical PPT, </a:t>
                  </a:r>
                </a:p>
                <a:p>
                  <a:pPr>
                    <a:lnSpc>
                      <a:spcPts val="2000"/>
                    </a:lnSpc>
                  </a:pPr>
                  <a:r>
                    <a:rPr altLang="zh-CN" lang="en-US" sz="1200">
                      <a:solidFill>
                        <a:schemeClr val="bg1"/>
                      </a:solidFill>
                      <a:latin typeface="Arial"/>
                    </a:rPr>
                    <a:t>differs from the traditional production model, and create a new PPTexperience.</a:t>
                  </a:r>
                </a:p>
              </p:txBody>
            </p:sp>
            <p:sp>
              <p:nvSpPr>
                <p:cNvPr id="21" name="矩形 20"/>
                <p:cNvSpPr/>
                <p:nvPr/>
              </p:nvSpPr>
              <p:spPr>
                <a:xfrm>
                  <a:off x="2963099" y="1255708"/>
                  <a:ext cx="2214880" cy="384048"/>
                </a:xfrm>
                <a:prstGeom prst="rect">
                  <a:avLst/>
                </a:prstGeom>
              </p:spPr>
              <p:txBody>
                <a:bodyPr wrap="none">
                  <a:spAutoFit/>
                </a:bodyPr>
                <a:lstStyle/>
                <a:p>
                  <a:pPr defTabSz="185738">
                    <a:lnSpc>
                      <a:spcPct val="120000"/>
                    </a:lnSpc>
                  </a:pPr>
                  <a:r>
                    <a:rPr altLang="en-US" kern="0" lang="zh-CN" sz="1600">
                      <a:solidFill>
                        <a:schemeClr val="bg1"/>
                      </a:solidFill>
                      <a:latin charset="-122" pitchFamily="34" typeface="微软雅黑"/>
                      <a:ea charset="-122" pitchFamily="34" typeface="微软雅黑"/>
                    </a:rPr>
                    <a:t>单击此处添加文字内容</a:t>
                  </a:r>
                </a:p>
              </p:txBody>
            </p:sp>
          </p:grpSp>
          <p:pic>
            <p:nvPicPr>
              <p:cNvPr id="19" name="Picture 3"/>
              <p:cNvPicPr>
                <a:picLocks noChangeArrowheads="1" noChangeAspect="1"/>
              </p:cNvPicPr>
              <p:nvPr/>
            </p:nvPicPr>
            <p:blipFill>
              <a:blip r:embed="rId4">
                <a:grayscl/>
                <a:extLst>
                  <a:ext uri="{BEBA8EAE-BF5A-486C-A8C5-ECC9F3942E4B}">
                    <a14:imgProps>
                      <a14:imgLayer r:embed="rId5">
                        <a14:imgEffect>
                          <a14:saturation sat="0"/>
                        </a14:imgEffect>
                      </a14:imgLayer>
                    </a14:imgProps>
                  </a:ext>
                  <a:ext uri="{28A0092B-C50C-407E-A947-70E740481C1C}">
                    <a14:useLocalDpi/>
                  </a:ext>
                </a:extLst>
              </a:blip>
              <a:stretch>
                <a:fillRect/>
              </a:stretch>
            </p:blipFill>
            <p:spPr bwMode="auto">
              <a:xfrm>
                <a:off x="762218" y="2991414"/>
                <a:ext cx="1807083" cy="1310331"/>
              </a:xfrm>
              <a:prstGeom prst="rect">
                <a:avLst/>
              </a:prstGeom>
              <a:noFill/>
              <a:ln w="3175">
                <a:noFill/>
                <a:miter lim="800000"/>
              </a:ln>
              <a:extLst>
                <a:ext uri="{909E8E84-426E-40DD-AFC4-6F175D3DCCD1}">
                  <a14:hiddenFill>
                    <a:solidFill>
                      <a:schemeClr val="accent1"/>
                    </a:solidFill>
                  </a14:hiddenFill>
                </a:ext>
              </a:extLst>
            </p:spPr>
          </p:pic>
        </p:grpSp>
        <p:grpSp>
          <p:nvGrpSpPr>
            <p:cNvPr id="14" name="组合 13"/>
            <p:cNvGrpSpPr/>
            <p:nvPr/>
          </p:nvGrpSpPr>
          <p:grpSpPr>
            <a:xfrm>
              <a:off x="1134414" y="3989692"/>
              <a:ext cx="936104" cy="253916"/>
              <a:chOff x="1763688" y="2264213"/>
              <a:chExt cx="936104" cy="253916"/>
            </a:xfrm>
          </p:grpSpPr>
          <p:sp>
            <p:nvSpPr>
              <p:cNvPr id="15" name="矩形 14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16" name="矩形 15"/>
              <p:cNvSpPr/>
              <p:nvPr/>
            </p:nvSpPr>
            <p:spPr>
              <a:xfrm>
                <a:off x="1868151" y="2264213"/>
                <a:ext cx="716280" cy="25146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altLang="en-US" kern="0" lang="zh-CN" sz="1050">
                    <a:solidFill>
                      <a:schemeClr val="bg1"/>
                    </a:solidFill>
                    <a:latin charset="-122" pitchFamily="34" typeface="微软雅黑"/>
                    <a:ea charset="-122" pitchFamily="34" typeface="微软雅黑"/>
                  </a:rPr>
                  <a:t>添加文本</a:t>
                </a:r>
              </a:p>
            </p:txBody>
          </p:sp>
        </p:grp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55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7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8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750" id="9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55" presetSubtype="0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12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13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750" id="14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7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609652" y="2053104"/>
            <a:ext cx="2013148" cy="2808312"/>
            <a:chOff x="539552" y="1491630"/>
            <a:chExt cx="2013148" cy="2808312"/>
          </a:xfrm>
        </p:grpSpPr>
        <p:sp>
          <p:nvSpPr>
            <p:cNvPr id="3" name="矩形 2"/>
            <p:cNvSpPr/>
            <p:nvPr/>
          </p:nvSpPr>
          <p:spPr>
            <a:xfrm>
              <a:off x="539552" y="1491630"/>
              <a:ext cx="2013148" cy="2808312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pic>
          <p:nvPicPr>
            <p:cNvPr id="4" name="Picture 3"/>
            <p:cNvPicPr>
              <a:picLocks noChangeArrowheads="1" noChangeAspect="1"/>
            </p:cNvPicPr>
            <p:nvPr/>
          </p:nvPicPr>
          <p:blipFill>
            <a:blip r:embed="rId2">
              <a:grayscl/>
              <a:extLst>
                <a:ext uri="{28A0092B-C50C-407E-A947-70E740481C1C}">
                  <a14:useLocalDpi/>
                </a:ext>
              </a:extLst>
            </a:blip>
            <a:stretch>
              <a:fillRect/>
            </a:stretch>
          </p:blipFill>
          <p:spPr bwMode="auto">
            <a:xfrm>
              <a:off x="642585" y="1690975"/>
              <a:ext cx="1807083" cy="1335670"/>
            </a:xfrm>
            <a:prstGeom prst="rect">
              <a:avLst/>
            </a:prstGeom>
            <a:noFill/>
            <a:ln w="38100">
              <a:solidFill>
                <a:schemeClr val="bg1"/>
              </a:solidFill>
              <a:miter lim="800000"/>
            </a:ln>
            <a:extLst>
              <a:ext uri="{909E8E84-426E-40DD-AFC4-6F175D3DCCD1}">
                <a14:hiddenFill>
                  <a:solidFill>
                    <a:schemeClr val="accent1"/>
                  </a:solidFill>
                </a14:hiddenFill>
              </a:ext>
            </a:extLst>
          </p:spPr>
        </p:pic>
        <p:sp>
          <p:nvSpPr>
            <p:cNvPr id="5" name="TextBox 33"/>
            <p:cNvSpPr txBox="1">
              <a:spLocks noChangeArrowheads="1"/>
            </p:cNvSpPr>
            <p:nvPr/>
          </p:nvSpPr>
          <p:spPr bwMode="auto">
            <a:xfrm>
              <a:off x="856604" y="3144607"/>
              <a:ext cx="1334885" cy="137160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>
                <a:lnSpc>
                  <a:spcPct val="150000"/>
                </a:lnSpc>
                <a:defRPr/>
              </a:pPr>
              <a:r>
                <a:rPr altLang="en-US" b="1" kern="0" lang="zh-CN" sz="1400">
                  <a:solidFill>
                    <a:srgbClr val="C00000"/>
                  </a:solidFill>
                  <a:latin charset="-122" pitchFamily="34" typeface="微软雅黑"/>
                  <a:ea charset="-122" pitchFamily="34" typeface="微软雅黑"/>
                </a:rPr>
                <a:t>此处添加文本</a:t>
              </a:r>
            </a:p>
            <a:p>
              <a:pPr algn="ctr">
                <a:lnSpc>
                  <a:spcPct val="150000"/>
                </a:lnSpc>
                <a:defRPr/>
              </a:pPr>
              <a:r>
                <a:rPr altLang="en-US" b="1" kern="0" lang="zh-CN" sz="1400">
                  <a:solidFill>
                    <a:srgbClr val="C00000"/>
                  </a:solidFill>
                  <a:latin charset="-122" pitchFamily="34" typeface="微软雅黑"/>
                  <a:ea charset="-122" pitchFamily="34" typeface="微软雅黑"/>
                </a:rPr>
                <a:t>此处添加文本单击此处添加文本</a:t>
              </a:r>
            </a:p>
          </p:txBody>
        </p:sp>
      </p:grpSp>
      <p:grpSp>
        <p:nvGrpSpPr>
          <p:cNvPr id="6" name="组合 5"/>
          <p:cNvGrpSpPr/>
          <p:nvPr/>
        </p:nvGrpSpPr>
        <p:grpSpPr>
          <a:xfrm>
            <a:off x="5053856" y="2053104"/>
            <a:ext cx="2013148" cy="2808312"/>
            <a:chOff x="539552" y="1491630"/>
            <a:chExt cx="2013148" cy="2808312"/>
          </a:xfrm>
        </p:grpSpPr>
        <p:sp>
          <p:nvSpPr>
            <p:cNvPr id="7" name="矩形 6"/>
            <p:cNvSpPr/>
            <p:nvPr/>
          </p:nvSpPr>
          <p:spPr>
            <a:xfrm>
              <a:off x="539552" y="1491630"/>
              <a:ext cx="2013148" cy="2808312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pic>
          <p:nvPicPr>
            <p:cNvPr id="8" name="Picture 3"/>
            <p:cNvPicPr>
              <a:picLocks noChangeArrowheads="1"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val="0"/>
                </a:ext>
              </a:extLst>
            </a:blip>
            <a:stretch>
              <a:fillRect/>
            </a:stretch>
          </p:blipFill>
          <p:spPr bwMode="auto">
            <a:xfrm>
              <a:off x="642585" y="1700297"/>
              <a:ext cx="1807083" cy="1317026"/>
            </a:xfrm>
            <a:prstGeom prst="rect">
              <a:avLst/>
            </a:prstGeom>
            <a:noFill/>
            <a:ln w="38100">
              <a:solidFill>
                <a:schemeClr val="bg1"/>
              </a:solidFill>
              <a:miter lim="800000"/>
            </a:ln>
            <a:extLst>
              <a:ext uri="{909E8E84-426E-40DD-AFC4-6F175D3DCCD1}">
                <a14:hiddenFill>
                  <a:solidFill>
                    <a:schemeClr val="accent1"/>
                  </a:solidFill>
                </a14:hiddenFill>
              </a:ext>
            </a:extLst>
          </p:spPr>
        </p:pic>
        <p:sp>
          <p:nvSpPr>
            <p:cNvPr id="9" name="TextBox 33"/>
            <p:cNvSpPr txBox="1">
              <a:spLocks noChangeArrowheads="1"/>
            </p:cNvSpPr>
            <p:nvPr/>
          </p:nvSpPr>
          <p:spPr bwMode="auto">
            <a:xfrm>
              <a:off x="856605" y="3144607"/>
              <a:ext cx="1334885" cy="137160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>
                <a:lnSpc>
                  <a:spcPct val="150000"/>
                </a:lnSpc>
                <a:defRPr/>
              </a:pPr>
              <a:r>
                <a:rPr altLang="en-US" b="1" kern="0" lang="zh-CN" sz="1400">
                  <a:solidFill>
                    <a:srgbClr val="C00000"/>
                  </a:solidFill>
                  <a:latin charset="-122" pitchFamily="34" typeface="微软雅黑"/>
                  <a:ea charset="-122" pitchFamily="34" typeface="微软雅黑"/>
                </a:rPr>
                <a:t>此处添加文本</a:t>
              </a:r>
            </a:p>
            <a:p>
              <a:pPr algn="ctr">
                <a:lnSpc>
                  <a:spcPct val="150000"/>
                </a:lnSpc>
                <a:defRPr/>
              </a:pPr>
              <a:r>
                <a:rPr altLang="en-US" b="1" kern="0" lang="zh-CN" sz="1400">
                  <a:solidFill>
                    <a:srgbClr val="C00000"/>
                  </a:solidFill>
                  <a:latin charset="-122" pitchFamily="34" typeface="微软雅黑"/>
                  <a:ea charset="-122" pitchFamily="34" typeface="微软雅黑"/>
                </a:rPr>
                <a:t>此处添加文本单击此处添加文本</a:t>
              </a:r>
            </a:p>
          </p:txBody>
        </p:sp>
      </p:grpSp>
      <p:grpSp>
        <p:nvGrpSpPr>
          <p:cNvPr id="10" name="组合 9"/>
          <p:cNvGrpSpPr/>
          <p:nvPr/>
        </p:nvGrpSpPr>
        <p:grpSpPr>
          <a:xfrm>
            <a:off x="7498060" y="2053104"/>
            <a:ext cx="2013148" cy="2808312"/>
            <a:chOff x="539552" y="1491630"/>
            <a:chExt cx="2013148" cy="2808312"/>
          </a:xfrm>
        </p:grpSpPr>
        <p:sp>
          <p:nvSpPr>
            <p:cNvPr id="11" name="矩形 10"/>
            <p:cNvSpPr/>
            <p:nvPr/>
          </p:nvSpPr>
          <p:spPr>
            <a:xfrm>
              <a:off x="539552" y="1491630"/>
              <a:ext cx="2013148" cy="2808312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pic>
          <p:nvPicPr>
            <p:cNvPr id="12" name="Picture 3"/>
            <p:cNvPicPr>
              <a:picLocks noChangeArrowheads="1"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val="0"/>
                </a:ext>
              </a:extLst>
            </a:blip>
            <a:stretch>
              <a:fillRect/>
            </a:stretch>
          </p:blipFill>
          <p:spPr bwMode="auto">
            <a:xfrm>
              <a:off x="642585" y="1700297"/>
              <a:ext cx="1807083" cy="1317026"/>
            </a:xfrm>
            <a:prstGeom prst="rect">
              <a:avLst/>
            </a:prstGeom>
            <a:noFill/>
            <a:ln w="38100">
              <a:solidFill>
                <a:schemeClr val="bg1"/>
              </a:solidFill>
              <a:miter lim="800000"/>
            </a:ln>
            <a:extLst>
              <a:ext uri="{909E8E84-426E-40DD-AFC4-6F175D3DCCD1}">
                <a14:hiddenFill>
                  <a:solidFill>
                    <a:schemeClr val="accent1"/>
                  </a:solidFill>
                </a14:hiddenFill>
              </a:ext>
            </a:extLst>
          </p:spPr>
        </p:pic>
        <p:sp>
          <p:nvSpPr>
            <p:cNvPr id="13" name="TextBox 33"/>
            <p:cNvSpPr txBox="1">
              <a:spLocks noChangeArrowheads="1"/>
            </p:cNvSpPr>
            <p:nvPr/>
          </p:nvSpPr>
          <p:spPr bwMode="auto">
            <a:xfrm>
              <a:off x="856605" y="3144607"/>
              <a:ext cx="1334885" cy="137160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>
                <a:lnSpc>
                  <a:spcPct val="150000"/>
                </a:lnSpc>
                <a:defRPr/>
              </a:pPr>
              <a:r>
                <a:rPr altLang="en-US" b="1" kern="0" lang="zh-CN" sz="1400">
                  <a:solidFill>
                    <a:srgbClr val="C00000"/>
                  </a:solidFill>
                  <a:latin charset="-122" pitchFamily="34" typeface="微软雅黑"/>
                  <a:ea charset="-122" pitchFamily="34" typeface="微软雅黑"/>
                </a:rPr>
                <a:t>此处添加文本</a:t>
              </a:r>
            </a:p>
            <a:p>
              <a:pPr algn="ctr">
                <a:lnSpc>
                  <a:spcPct val="150000"/>
                </a:lnSpc>
                <a:defRPr/>
              </a:pPr>
              <a:r>
                <a:rPr altLang="en-US" b="1" kern="0" lang="zh-CN" sz="1400">
                  <a:solidFill>
                    <a:srgbClr val="C00000"/>
                  </a:solidFill>
                  <a:latin charset="-122" pitchFamily="34" typeface="微软雅黑"/>
                  <a:ea charset="-122" pitchFamily="34" typeface="微软雅黑"/>
                </a:rPr>
                <a:t>此处添加文本单击此处添加文本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42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5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50" fill="hold" id="8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9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42" presetSubtype="0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50" id="12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50" fill="hold" id="13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14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5" nodeType="withEffect" presetClass="entr" presetID="42" presetSubtype="0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dur="1" fill="hold" id="1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50" id="17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50" fill="hold" id="18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19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3031192" y="1871839"/>
            <a:ext cx="1410814" cy="1410814"/>
            <a:chOff x="1507192" y="1326406"/>
            <a:chExt cx="1410814" cy="1410814"/>
          </a:xfrm>
        </p:grpSpPr>
        <p:sp>
          <p:nvSpPr>
            <p:cNvPr id="3" name="椭圆 2"/>
            <p:cNvSpPr/>
            <p:nvPr/>
          </p:nvSpPr>
          <p:spPr>
            <a:xfrm>
              <a:off x="1507192" y="1326406"/>
              <a:ext cx="1410814" cy="1410814"/>
            </a:xfrm>
            <a:prstGeom prst="ellipse">
              <a:avLst/>
            </a:prstGeom>
            <a:blipFill dpi="0" rotWithShape="1">
              <a:blip r:embed="rId2"/>
              <a:stretch>
                <a:fillRect b="-5000" l="-5000" r="-5000" t="-5000"/>
              </a:stretch>
            </a:blipFill>
            <a:ln w="19050">
              <a:solidFill>
                <a:srgbClr val="9DB9B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grpSp>
          <p:nvGrpSpPr>
            <p:cNvPr id="4" name="组合 3"/>
            <p:cNvGrpSpPr/>
            <p:nvPr/>
          </p:nvGrpSpPr>
          <p:grpSpPr>
            <a:xfrm>
              <a:off x="1763688" y="2264213"/>
              <a:ext cx="936104" cy="253916"/>
              <a:chOff x="1763688" y="2264213"/>
              <a:chExt cx="936104" cy="253916"/>
            </a:xfrm>
          </p:grpSpPr>
          <p:sp>
            <p:nvSpPr>
              <p:cNvPr id="5" name="矩形 4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95000"/>
                  <a:lumOff val="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6" name="矩形 5"/>
              <p:cNvSpPr/>
              <p:nvPr/>
            </p:nvSpPr>
            <p:spPr>
              <a:xfrm>
                <a:off x="1868151" y="2264213"/>
                <a:ext cx="716280" cy="25146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altLang="en-US" kern="0" lang="zh-CN" sz="1050">
                    <a:solidFill>
                      <a:schemeClr val="bg1"/>
                    </a:solidFill>
                    <a:latin charset="-122" pitchFamily="34" typeface="微软雅黑"/>
                    <a:ea charset="-122" pitchFamily="34" typeface="微软雅黑"/>
                  </a:rPr>
                  <a:t>添加文本</a:t>
                </a:r>
              </a:p>
            </p:txBody>
          </p:sp>
        </p:grpSp>
      </p:grpSp>
      <p:grpSp>
        <p:nvGrpSpPr>
          <p:cNvPr id="7" name="组合 6"/>
          <p:cNvGrpSpPr/>
          <p:nvPr/>
        </p:nvGrpSpPr>
        <p:grpSpPr>
          <a:xfrm>
            <a:off x="5357258" y="1871839"/>
            <a:ext cx="1410814" cy="1410814"/>
            <a:chOff x="3833258" y="1326406"/>
            <a:chExt cx="1410814" cy="1410814"/>
          </a:xfrm>
        </p:grpSpPr>
        <p:sp>
          <p:nvSpPr>
            <p:cNvPr id="8" name="椭圆 7"/>
            <p:cNvSpPr/>
            <p:nvPr/>
          </p:nvSpPr>
          <p:spPr>
            <a:xfrm>
              <a:off x="3833258" y="1326406"/>
              <a:ext cx="1410814" cy="1410814"/>
            </a:xfrm>
            <a:prstGeom prst="ellipse">
              <a:avLst/>
            </a:prstGeom>
            <a:blipFill dpi="0" rotWithShape="1">
              <a:blip r:embed="rId3"/>
              <a:stretch>
                <a:fillRect b="-5000" l="-5000" r="-5000" t="-5000"/>
              </a:stretch>
            </a:blipFill>
            <a:ln>
              <a:solidFill>
                <a:srgbClr val="9DB9B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grpSp>
          <p:nvGrpSpPr>
            <p:cNvPr id="9" name="组合 8"/>
            <p:cNvGrpSpPr/>
            <p:nvPr/>
          </p:nvGrpSpPr>
          <p:grpSpPr>
            <a:xfrm>
              <a:off x="4097313" y="2264213"/>
              <a:ext cx="936104" cy="253916"/>
              <a:chOff x="1763688" y="2264213"/>
              <a:chExt cx="936104" cy="253916"/>
            </a:xfrm>
          </p:grpSpPr>
          <p:sp>
            <p:nvSpPr>
              <p:cNvPr id="10" name="矩形 9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95000"/>
                  <a:lumOff val="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11" name="矩形 10"/>
              <p:cNvSpPr/>
              <p:nvPr/>
            </p:nvSpPr>
            <p:spPr>
              <a:xfrm>
                <a:off x="1868151" y="2264213"/>
                <a:ext cx="716280" cy="25146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altLang="en-US" kern="0" lang="zh-CN" sz="1050">
                    <a:solidFill>
                      <a:schemeClr val="bg1"/>
                    </a:solidFill>
                    <a:latin charset="-122" pitchFamily="34" typeface="微软雅黑"/>
                    <a:ea charset="-122" pitchFamily="34" typeface="微软雅黑"/>
                  </a:rPr>
                  <a:t>添加文本</a:t>
                </a:r>
              </a:p>
            </p:txBody>
          </p:sp>
        </p:grpSp>
      </p:grpSp>
      <p:grpSp>
        <p:nvGrpSpPr>
          <p:cNvPr id="12" name="组合 11"/>
          <p:cNvGrpSpPr/>
          <p:nvPr/>
        </p:nvGrpSpPr>
        <p:grpSpPr>
          <a:xfrm>
            <a:off x="7683324" y="1871839"/>
            <a:ext cx="1410814" cy="1410814"/>
            <a:chOff x="6159324" y="1326406"/>
            <a:chExt cx="1410814" cy="1410814"/>
          </a:xfrm>
        </p:grpSpPr>
        <p:sp>
          <p:nvSpPr>
            <p:cNvPr id="13" name="椭圆 12"/>
            <p:cNvSpPr/>
            <p:nvPr/>
          </p:nvSpPr>
          <p:spPr>
            <a:xfrm>
              <a:off x="6159324" y="1326406"/>
              <a:ext cx="1410814" cy="1410814"/>
            </a:xfrm>
            <a:prstGeom prst="ellipse">
              <a:avLst/>
            </a:prstGeom>
            <a:blipFill dpi="0" rotWithShape="1">
              <a:blip r:embed="rId4"/>
              <a:stretch>
                <a:fillRect b="-5000" l="-5000" r="-5000" t="-5000"/>
              </a:stretch>
            </a:blipFill>
            <a:ln>
              <a:solidFill>
                <a:srgbClr val="9DB9B6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grpSp>
          <p:nvGrpSpPr>
            <p:cNvPr id="14" name="组合 13"/>
            <p:cNvGrpSpPr/>
            <p:nvPr/>
          </p:nvGrpSpPr>
          <p:grpSpPr>
            <a:xfrm>
              <a:off x="6402363" y="2264213"/>
              <a:ext cx="936104" cy="253916"/>
              <a:chOff x="1763688" y="2264213"/>
              <a:chExt cx="936104" cy="253916"/>
            </a:xfrm>
          </p:grpSpPr>
          <p:sp>
            <p:nvSpPr>
              <p:cNvPr id="15" name="矩形 14"/>
              <p:cNvSpPr/>
              <p:nvPr/>
            </p:nvSpPr>
            <p:spPr>
              <a:xfrm>
                <a:off x="1763688" y="2283718"/>
                <a:ext cx="936104" cy="216024"/>
              </a:xfrm>
              <a:prstGeom prst="rect">
                <a:avLst/>
              </a:prstGeom>
              <a:solidFill>
                <a:schemeClr val="tx1">
                  <a:lumMod val="95000"/>
                  <a:lumOff val="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16" name="矩形 15"/>
              <p:cNvSpPr/>
              <p:nvPr/>
            </p:nvSpPr>
            <p:spPr>
              <a:xfrm>
                <a:off x="1868151" y="2264213"/>
                <a:ext cx="716280" cy="25146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altLang="en-US" kern="0" lang="zh-CN" sz="1050">
                    <a:solidFill>
                      <a:schemeClr val="bg1"/>
                    </a:solidFill>
                    <a:latin charset="-122" pitchFamily="34" typeface="微软雅黑"/>
                    <a:ea charset="-122" pitchFamily="34" typeface="微软雅黑"/>
                  </a:rPr>
                  <a:t>添加文本</a:t>
                </a:r>
              </a:p>
            </p:txBody>
          </p:sp>
        </p:grpSp>
      </p:grpSp>
      <p:grpSp>
        <p:nvGrpSpPr>
          <p:cNvPr id="17" name="组合 16"/>
          <p:cNvGrpSpPr/>
          <p:nvPr/>
        </p:nvGrpSpPr>
        <p:grpSpPr>
          <a:xfrm>
            <a:off x="2999658" y="3384631"/>
            <a:ext cx="1493013" cy="1666127"/>
            <a:chOff x="1538285" y="2839197"/>
            <a:chExt cx="1493013" cy="1666127"/>
          </a:xfrm>
        </p:grpSpPr>
        <p:grpSp>
          <p:nvGrpSpPr>
            <p:cNvPr id="18" name="组合 17"/>
            <p:cNvGrpSpPr/>
            <p:nvPr/>
          </p:nvGrpSpPr>
          <p:grpSpPr>
            <a:xfrm>
              <a:off x="1538285" y="2839197"/>
              <a:ext cx="1493013" cy="1666127"/>
              <a:chOff x="1538285" y="2839197"/>
              <a:chExt cx="1493013" cy="1666127"/>
            </a:xfrm>
          </p:grpSpPr>
          <p:sp>
            <p:nvSpPr>
              <p:cNvPr id="20" name="矩形标注 17"/>
              <p:cNvSpPr/>
              <p:nvPr/>
            </p:nvSpPr>
            <p:spPr>
              <a:xfrm rot="10800000">
                <a:off x="1538285" y="2839197"/>
                <a:ext cx="1493013" cy="1666127"/>
              </a:xfrm>
              <a:custGeom>
                <a:gdLst>
                  <a:gd fmla="*/ 0 w 1410814" name="connsiteX0"/>
                  <a:gd fmla="*/ 0 h 1526064" name="connsiteY0"/>
                  <a:gd fmla="*/ 822975 w 1410814" name="connsiteX1"/>
                  <a:gd fmla="*/ 0 h 1526064" name="connsiteY1"/>
                  <a:gd fmla="*/ 822975 w 1410814" name="connsiteX2"/>
                  <a:gd fmla="*/ 0 h 1526064" name="connsiteY2"/>
                  <a:gd fmla="*/ 1175678 w 1410814" name="connsiteX3"/>
                  <a:gd fmla="*/ 0 h 1526064" name="connsiteY3"/>
                  <a:gd fmla="*/ 1410814 w 1410814" name="connsiteX4"/>
                  <a:gd fmla="*/ 0 h 1526064" name="connsiteY4"/>
                  <a:gd fmla="*/ 1410814 w 1410814" name="connsiteX5"/>
                  <a:gd fmla="*/ 798089 h 1526064" name="connsiteY5"/>
                  <a:gd fmla="*/ 1410814 w 1410814" name="connsiteX6"/>
                  <a:gd fmla="*/ 798089 h 1526064" name="connsiteY6"/>
                  <a:gd fmla="*/ 1410814 w 1410814" name="connsiteX7"/>
                  <a:gd fmla="*/ 1140127 h 1526064" name="connsiteY7"/>
                  <a:gd fmla="*/ 1410814 w 1410814" name="connsiteX8"/>
                  <a:gd fmla="*/ 1368152 h 1526064" name="connsiteY8"/>
                  <a:gd fmla="*/ 827250 w 1410814" name="connsiteX9"/>
                  <a:gd fmla="*/ 1370533 h 1526064" name="connsiteY9"/>
                  <a:gd fmla="*/ 736868 w 1410814" name="connsiteX10"/>
                  <a:gd fmla="*/ 1526064 h 1526064" name="connsiteY10"/>
                  <a:gd fmla="*/ 639792 w 1410814" name="connsiteX11"/>
                  <a:gd fmla="*/ 1372514 h 1526064" name="connsiteY11"/>
                  <a:gd fmla="*/ 0 w 1410814" name="connsiteX12"/>
                  <a:gd fmla="*/ 1368152 h 1526064" name="connsiteY12"/>
                  <a:gd fmla="*/ 0 w 1410814" name="connsiteX13"/>
                  <a:gd fmla="*/ 1140127 h 1526064" name="connsiteY13"/>
                  <a:gd fmla="*/ 0 w 1410814" name="connsiteX14"/>
                  <a:gd fmla="*/ 798089 h 1526064" name="connsiteY14"/>
                  <a:gd fmla="*/ 0 w 1410814" name="connsiteX15"/>
                  <a:gd fmla="*/ 798089 h 1526064" name="connsiteY15"/>
                  <a:gd fmla="*/ 0 w 1410814" name="connsiteX16"/>
                  <a:gd fmla="*/ 0 h 1526064" name="connsiteY16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</a:cxnLst>
                <a:rect b="b" l="l" r="r" t="t"/>
                <a:pathLst>
                  <a:path h="1526064" w="1410814">
                    <a:moveTo>
                      <a:pt x="0" y="0"/>
                    </a:moveTo>
                    <a:lnTo>
                      <a:pt x="822975" y="0"/>
                    </a:lnTo>
                    <a:lnTo>
                      <a:pt x="822975" y="0"/>
                    </a:lnTo>
                    <a:lnTo>
                      <a:pt x="1175678" y="0"/>
                    </a:lnTo>
                    <a:lnTo>
                      <a:pt x="1410814" y="0"/>
                    </a:lnTo>
                    <a:lnTo>
                      <a:pt x="1410814" y="798089"/>
                    </a:lnTo>
                    <a:lnTo>
                      <a:pt x="1410814" y="798089"/>
                    </a:lnTo>
                    <a:lnTo>
                      <a:pt x="1410814" y="1140127"/>
                    </a:lnTo>
                    <a:lnTo>
                      <a:pt x="1410814" y="1368152"/>
                    </a:lnTo>
                    <a:lnTo>
                      <a:pt x="827250" y="1370533"/>
                    </a:lnTo>
                    <a:lnTo>
                      <a:pt x="736868" y="1526064"/>
                    </a:lnTo>
                    <a:lnTo>
                      <a:pt x="639792" y="1372514"/>
                    </a:lnTo>
                    <a:lnTo>
                      <a:pt x="0" y="1368152"/>
                    </a:lnTo>
                    <a:lnTo>
                      <a:pt x="0" y="1140127"/>
                    </a:lnTo>
                    <a:lnTo>
                      <a:pt x="0" y="798089"/>
                    </a:lnTo>
                    <a:lnTo>
                      <a:pt x="0" y="798089"/>
                    </a:lnTo>
                    <a:lnTo>
                      <a:pt x="0" y="0"/>
                    </a:lnTo>
                    <a:close/>
                  </a:path>
                </a:pathLst>
              </a:cu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  <p:sp>
            <p:nvSpPr>
              <p:cNvPr id="21" name="TextBox 33"/>
              <p:cNvSpPr txBox="1">
                <a:spLocks noChangeArrowheads="1"/>
              </p:cNvSpPr>
              <p:nvPr/>
            </p:nvSpPr>
            <p:spPr bwMode="auto">
              <a:xfrm>
                <a:off x="1618082" y="3396867"/>
                <a:ext cx="1334885" cy="1371600"/>
              </a:xfrm>
              <a:prstGeom prst="rect">
                <a:avLst/>
              </a:prstGeom>
              <a:noFill/>
              <a:ln w="9525">
                <a:noFill/>
                <a:miter lim="800000"/>
              </a:ln>
            </p:spPr>
            <p:txBody>
              <a:bodyPr>
                <a:spAutoFit/>
              </a:bodyPr>
              <a:lstStyle/>
              <a:p>
                <a:pPr algn="ctr">
                  <a:lnSpc>
                    <a:spcPct val="150000"/>
                  </a:lnSpc>
                  <a:defRPr/>
                </a:pPr>
                <a:r>
                  <a:rPr altLang="en-US" kern="0" lang="zh-CN" sz="1400">
                    <a:solidFill>
                      <a:srgbClr val="C00000"/>
                    </a:solidFill>
                    <a:latin charset="-122" pitchFamily="34" typeface="微软雅黑"/>
                    <a:ea charset="-122" pitchFamily="34" typeface="微软雅黑"/>
                  </a:rPr>
                  <a:t>此处添加文本</a:t>
                </a:r>
              </a:p>
              <a:p>
                <a:pPr algn="ctr">
                  <a:lnSpc>
                    <a:spcPct val="150000"/>
                  </a:lnSpc>
                  <a:defRPr/>
                </a:pPr>
                <a:r>
                  <a:rPr altLang="en-US" kern="0" lang="zh-CN" sz="1400">
                    <a:solidFill>
                      <a:srgbClr val="C00000"/>
                    </a:solidFill>
                    <a:latin charset="-122" pitchFamily="34" typeface="微软雅黑"/>
                    <a:ea charset="-122" pitchFamily="34" typeface="微软雅黑"/>
                  </a:rPr>
                  <a:t>此处添加文本单击此处添加文本</a:t>
                </a:r>
              </a:p>
            </p:txBody>
          </p:sp>
        </p:grpSp>
        <p:sp>
          <p:nvSpPr>
            <p:cNvPr id="19" name="TextBox 18"/>
            <p:cNvSpPr txBox="1"/>
            <p:nvPr/>
          </p:nvSpPr>
          <p:spPr>
            <a:xfrm>
              <a:off x="1859729" y="3097711"/>
              <a:ext cx="586018" cy="36576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>
                  <a:solidFill>
                    <a:schemeClr val="tx1">
                      <a:lumMod val="85000"/>
                      <a:lumOff val="15000"/>
                    </a:schemeClr>
                  </a:solidFill>
                  <a:latin charset="-120" pitchFamily="50" typeface="MStiffHeiHK-UltraBold"/>
                  <a:ea charset="-120" pitchFamily="50" typeface="MStiffHeiHK-UltraBold"/>
                </a:rPr>
                <a:t>Text</a:t>
              </a:r>
            </a:p>
          </p:txBody>
        </p:sp>
      </p:grpSp>
      <p:grpSp>
        <p:nvGrpSpPr>
          <p:cNvPr id="22" name="组合 21"/>
          <p:cNvGrpSpPr/>
          <p:nvPr/>
        </p:nvGrpSpPr>
        <p:grpSpPr>
          <a:xfrm>
            <a:off x="5323584" y="3384631"/>
            <a:ext cx="1493013" cy="1666127"/>
            <a:chOff x="3849685" y="2839197"/>
            <a:chExt cx="1493013" cy="1666127"/>
          </a:xfrm>
        </p:grpSpPr>
        <p:grpSp>
          <p:nvGrpSpPr>
            <p:cNvPr id="23" name="组合 22"/>
            <p:cNvGrpSpPr/>
            <p:nvPr/>
          </p:nvGrpSpPr>
          <p:grpSpPr>
            <a:xfrm>
              <a:off x="3849685" y="2839197"/>
              <a:ext cx="1493013" cy="1666127"/>
              <a:chOff x="1538285" y="2839197"/>
              <a:chExt cx="1493013" cy="1666127"/>
            </a:xfrm>
          </p:grpSpPr>
          <p:sp>
            <p:nvSpPr>
              <p:cNvPr id="25" name="矩形标注 17"/>
              <p:cNvSpPr/>
              <p:nvPr/>
            </p:nvSpPr>
            <p:spPr>
              <a:xfrm rot="10800000">
                <a:off x="1538285" y="2839197"/>
                <a:ext cx="1493013" cy="1666127"/>
              </a:xfrm>
              <a:custGeom>
                <a:gdLst>
                  <a:gd fmla="*/ 0 w 1410814" name="connsiteX0"/>
                  <a:gd fmla="*/ 0 h 1526064" name="connsiteY0"/>
                  <a:gd fmla="*/ 822975 w 1410814" name="connsiteX1"/>
                  <a:gd fmla="*/ 0 h 1526064" name="connsiteY1"/>
                  <a:gd fmla="*/ 822975 w 1410814" name="connsiteX2"/>
                  <a:gd fmla="*/ 0 h 1526064" name="connsiteY2"/>
                  <a:gd fmla="*/ 1175678 w 1410814" name="connsiteX3"/>
                  <a:gd fmla="*/ 0 h 1526064" name="connsiteY3"/>
                  <a:gd fmla="*/ 1410814 w 1410814" name="connsiteX4"/>
                  <a:gd fmla="*/ 0 h 1526064" name="connsiteY4"/>
                  <a:gd fmla="*/ 1410814 w 1410814" name="connsiteX5"/>
                  <a:gd fmla="*/ 798089 h 1526064" name="connsiteY5"/>
                  <a:gd fmla="*/ 1410814 w 1410814" name="connsiteX6"/>
                  <a:gd fmla="*/ 798089 h 1526064" name="connsiteY6"/>
                  <a:gd fmla="*/ 1410814 w 1410814" name="connsiteX7"/>
                  <a:gd fmla="*/ 1140127 h 1526064" name="connsiteY7"/>
                  <a:gd fmla="*/ 1410814 w 1410814" name="connsiteX8"/>
                  <a:gd fmla="*/ 1368152 h 1526064" name="connsiteY8"/>
                  <a:gd fmla="*/ 827250 w 1410814" name="connsiteX9"/>
                  <a:gd fmla="*/ 1370533 h 1526064" name="connsiteY9"/>
                  <a:gd fmla="*/ 736868 w 1410814" name="connsiteX10"/>
                  <a:gd fmla="*/ 1526064 h 1526064" name="connsiteY10"/>
                  <a:gd fmla="*/ 639792 w 1410814" name="connsiteX11"/>
                  <a:gd fmla="*/ 1372514 h 1526064" name="connsiteY11"/>
                  <a:gd fmla="*/ 0 w 1410814" name="connsiteX12"/>
                  <a:gd fmla="*/ 1368152 h 1526064" name="connsiteY12"/>
                  <a:gd fmla="*/ 0 w 1410814" name="connsiteX13"/>
                  <a:gd fmla="*/ 1140127 h 1526064" name="connsiteY13"/>
                  <a:gd fmla="*/ 0 w 1410814" name="connsiteX14"/>
                  <a:gd fmla="*/ 798089 h 1526064" name="connsiteY14"/>
                  <a:gd fmla="*/ 0 w 1410814" name="connsiteX15"/>
                  <a:gd fmla="*/ 798089 h 1526064" name="connsiteY15"/>
                  <a:gd fmla="*/ 0 w 1410814" name="connsiteX16"/>
                  <a:gd fmla="*/ 0 h 1526064" name="connsiteY16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</a:cxnLst>
                <a:rect b="b" l="l" r="r" t="t"/>
                <a:pathLst>
                  <a:path h="1526064" w="1410814">
                    <a:moveTo>
                      <a:pt x="0" y="0"/>
                    </a:moveTo>
                    <a:lnTo>
                      <a:pt x="822975" y="0"/>
                    </a:lnTo>
                    <a:lnTo>
                      <a:pt x="822975" y="0"/>
                    </a:lnTo>
                    <a:lnTo>
                      <a:pt x="1175678" y="0"/>
                    </a:lnTo>
                    <a:lnTo>
                      <a:pt x="1410814" y="0"/>
                    </a:lnTo>
                    <a:lnTo>
                      <a:pt x="1410814" y="798089"/>
                    </a:lnTo>
                    <a:lnTo>
                      <a:pt x="1410814" y="798089"/>
                    </a:lnTo>
                    <a:lnTo>
                      <a:pt x="1410814" y="1140127"/>
                    </a:lnTo>
                    <a:lnTo>
                      <a:pt x="1410814" y="1368152"/>
                    </a:lnTo>
                    <a:lnTo>
                      <a:pt x="827250" y="1370533"/>
                    </a:lnTo>
                    <a:lnTo>
                      <a:pt x="736868" y="1526064"/>
                    </a:lnTo>
                    <a:lnTo>
                      <a:pt x="639792" y="1372514"/>
                    </a:lnTo>
                    <a:lnTo>
                      <a:pt x="0" y="1368152"/>
                    </a:lnTo>
                    <a:lnTo>
                      <a:pt x="0" y="1140127"/>
                    </a:lnTo>
                    <a:lnTo>
                      <a:pt x="0" y="798089"/>
                    </a:lnTo>
                    <a:lnTo>
                      <a:pt x="0" y="798089"/>
                    </a:lnTo>
                    <a:lnTo>
                      <a:pt x="0" y="0"/>
                    </a:lnTo>
                    <a:close/>
                  </a:path>
                </a:pathLst>
              </a:cu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  <p:sp>
            <p:nvSpPr>
              <p:cNvPr id="26" name="TextBox 33"/>
              <p:cNvSpPr txBox="1">
                <a:spLocks noChangeArrowheads="1"/>
              </p:cNvSpPr>
              <p:nvPr/>
            </p:nvSpPr>
            <p:spPr bwMode="auto">
              <a:xfrm>
                <a:off x="1618083" y="3409393"/>
                <a:ext cx="1334885" cy="1371600"/>
              </a:xfrm>
              <a:prstGeom prst="rect">
                <a:avLst/>
              </a:prstGeom>
              <a:noFill/>
              <a:ln w="9525">
                <a:noFill/>
                <a:miter lim="800000"/>
              </a:ln>
            </p:spPr>
            <p:txBody>
              <a:bodyPr>
                <a:spAutoFit/>
              </a:bodyPr>
              <a:lstStyle/>
              <a:p>
                <a:pPr algn="ctr">
                  <a:lnSpc>
                    <a:spcPct val="150000"/>
                  </a:lnSpc>
                  <a:defRPr/>
                </a:pPr>
                <a:r>
                  <a:rPr altLang="en-US" kern="0" lang="zh-CN" sz="1400">
                    <a:solidFill>
                      <a:srgbClr val="C00000"/>
                    </a:solidFill>
                    <a:latin charset="-122" pitchFamily="34" typeface="微软雅黑"/>
                    <a:ea charset="-122" pitchFamily="34" typeface="微软雅黑"/>
                  </a:rPr>
                  <a:t>此处添加文本</a:t>
                </a:r>
              </a:p>
              <a:p>
                <a:pPr algn="ctr">
                  <a:lnSpc>
                    <a:spcPct val="150000"/>
                  </a:lnSpc>
                  <a:defRPr/>
                </a:pPr>
                <a:r>
                  <a:rPr altLang="en-US" kern="0" lang="zh-CN" sz="1400">
                    <a:solidFill>
                      <a:srgbClr val="C00000"/>
                    </a:solidFill>
                    <a:latin charset="-122" pitchFamily="34" typeface="微软雅黑"/>
                    <a:ea charset="-122" pitchFamily="34" typeface="微软雅黑"/>
                  </a:rPr>
                  <a:t>此处添加文本单击此处添加文本</a:t>
                </a:r>
              </a:p>
            </p:txBody>
          </p:sp>
        </p:grpSp>
        <p:sp>
          <p:nvSpPr>
            <p:cNvPr id="24" name="TextBox 23"/>
            <p:cNvSpPr txBox="1"/>
            <p:nvPr/>
          </p:nvSpPr>
          <p:spPr>
            <a:xfrm>
              <a:off x="4177044" y="3097711"/>
              <a:ext cx="586018" cy="36576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>
                  <a:solidFill>
                    <a:schemeClr val="tx1">
                      <a:lumMod val="85000"/>
                      <a:lumOff val="15000"/>
                    </a:schemeClr>
                  </a:solidFill>
                  <a:latin charset="-120" pitchFamily="50" typeface="MStiffHeiHK-UltraBold"/>
                  <a:ea charset="-120" pitchFamily="50" typeface="MStiffHeiHK-UltraBold"/>
                </a:rPr>
                <a:t>Text</a:t>
              </a: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7647510" y="3384631"/>
            <a:ext cx="1493013" cy="1666127"/>
            <a:chOff x="6161085" y="2839197"/>
            <a:chExt cx="1493013" cy="1666127"/>
          </a:xfrm>
        </p:grpSpPr>
        <p:grpSp>
          <p:nvGrpSpPr>
            <p:cNvPr id="28" name="组合 27"/>
            <p:cNvGrpSpPr/>
            <p:nvPr/>
          </p:nvGrpSpPr>
          <p:grpSpPr>
            <a:xfrm>
              <a:off x="6161085" y="2839197"/>
              <a:ext cx="1493013" cy="1666127"/>
              <a:chOff x="1538285" y="2839197"/>
              <a:chExt cx="1493013" cy="1666127"/>
            </a:xfrm>
          </p:grpSpPr>
          <p:sp>
            <p:nvSpPr>
              <p:cNvPr id="30" name="矩形标注 17"/>
              <p:cNvSpPr/>
              <p:nvPr/>
            </p:nvSpPr>
            <p:spPr>
              <a:xfrm rot="10800000">
                <a:off x="1538285" y="2839197"/>
                <a:ext cx="1493013" cy="1666127"/>
              </a:xfrm>
              <a:custGeom>
                <a:gdLst>
                  <a:gd fmla="*/ 0 w 1410814" name="connsiteX0"/>
                  <a:gd fmla="*/ 0 h 1526064" name="connsiteY0"/>
                  <a:gd fmla="*/ 822975 w 1410814" name="connsiteX1"/>
                  <a:gd fmla="*/ 0 h 1526064" name="connsiteY1"/>
                  <a:gd fmla="*/ 822975 w 1410814" name="connsiteX2"/>
                  <a:gd fmla="*/ 0 h 1526064" name="connsiteY2"/>
                  <a:gd fmla="*/ 1175678 w 1410814" name="connsiteX3"/>
                  <a:gd fmla="*/ 0 h 1526064" name="connsiteY3"/>
                  <a:gd fmla="*/ 1410814 w 1410814" name="connsiteX4"/>
                  <a:gd fmla="*/ 0 h 1526064" name="connsiteY4"/>
                  <a:gd fmla="*/ 1410814 w 1410814" name="connsiteX5"/>
                  <a:gd fmla="*/ 798089 h 1526064" name="connsiteY5"/>
                  <a:gd fmla="*/ 1410814 w 1410814" name="connsiteX6"/>
                  <a:gd fmla="*/ 798089 h 1526064" name="connsiteY6"/>
                  <a:gd fmla="*/ 1410814 w 1410814" name="connsiteX7"/>
                  <a:gd fmla="*/ 1140127 h 1526064" name="connsiteY7"/>
                  <a:gd fmla="*/ 1410814 w 1410814" name="connsiteX8"/>
                  <a:gd fmla="*/ 1368152 h 1526064" name="connsiteY8"/>
                  <a:gd fmla="*/ 827250 w 1410814" name="connsiteX9"/>
                  <a:gd fmla="*/ 1370533 h 1526064" name="connsiteY9"/>
                  <a:gd fmla="*/ 736868 w 1410814" name="connsiteX10"/>
                  <a:gd fmla="*/ 1526064 h 1526064" name="connsiteY10"/>
                  <a:gd fmla="*/ 639792 w 1410814" name="connsiteX11"/>
                  <a:gd fmla="*/ 1372514 h 1526064" name="connsiteY11"/>
                  <a:gd fmla="*/ 0 w 1410814" name="connsiteX12"/>
                  <a:gd fmla="*/ 1368152 h 1526064" name="connsiteY12"/>
                  <a:gd fmla="*/ 0 w 1410814" name="connsiteX13"/>
                  <a:gd fmla="*/ 1140127 h 1526064" name="connsiteY13"/>
                  <a:gd fmla="*/ 0 w 1410814" name="connsiteX14"/>
                  <a:gd fmla="*/ 798089 h 1526064" name="connsiteY14"/>
                  <a:gd fmla="*/ 0 w 1410814" name="connsiteX15"/>
                  <a:gd fmla="*/ 798089 h 1526064" name="connsiteY15"/>
                  <a:gd fmla="*/ 0 w 1410814" name="connsiteX16"/>
                  <a:gd fmla="*/ 0 h 1526064" name="connsiteY16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</a:cxnLst>
                <a:rect b="b" l="l" r="r" t="t"/>
                <a:pathLst>
                  <a:path h="1526064" w="1410814">
                    <a:moveTo>
                      <a:pt x="0" y="0"/>
                    </a:moveTo>
                    <a:lnTo>
                      <a:pt x="822975" y="0"/>
                    </a:lnTo>
                    <a:lnTo>
                      <a:pt x="822975" y="0"/>
                    </a:lnTo>
                    <a:lnTo>
                      <a:pt x="1175678" y="0"/>
                    </a:lnTo>
                    <a:lnTo>
                      <a:pt x="1410814" y="0"/>
                    </a:lnTo>
                    <a:lnTo>
                      <a:pt x="1410814" y="798089"/>
                    </a:lnTo>
                    <a:lnTo>
                      <a:pt x="1410814" y="798089"/>
                    </a:lnTo>
                    <a:lnTo>
                      <a:pt x="1410814" y="1140127"/>
                    </a:lnTo>
                    <a:lnTo>
                      <a:pt x="1410814" y="1368152"/>
                    </a:lnTo>
                    <a:lnTo>
                      <a:pt x="827250" y="1370533"/>
                    </a:lnTo>
                    <a:lnTo>
                      <a:pt x="736868" y="1526064"/>
                    </a:lnTo>
                    <a:lnTo>
                      <a:pt x="639792" y="1372514"/>
                    </a:lnTo>
                    <a:lnTo>
                      <a:pt x="0" y="1368152"/>
                    </a:lnTo>
                    <a:lnTo>
                      <a:pt x="0" y="1140127"/>
                    </a:lnTo>
                    <a:lnTo>
                      <a:pt x="0" y="798089"/>
                    </a:lnTo>
                    <a:lnTo>
                      <a:pt x="0" y="798089"/>
                    </a:lnTo>
                    <a:lnTo>
                      <a:pt x="0" y="0"/>
                    </a:lnTo>
                    <a:close/>
                  </a:path>
                </a:pathLst>
              </a:cu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  <p:sp>
            <p:nvSpPr>
              <p:cNvPr id="31" name="TextBox 33"/>
              <p:cNvSpPr txBox="1">
                <a:spLocks noChangeArrowheads="1"/>
              </p:cNvSpPr>
              <p:nvPr/>
            </p:nvSpPr>
            <p:spPr bwMode="auto">
              <a:xfrm>
                <a:off x="1618083" y="3409393"/>
                <a:ext cx="1334885" cy="1371600"/>
              </a:xfrm>
              <a:prstGeom prst="rect">
                <a:avLst/>
              </a:prstGeom>
              <a:noFill/>
              <a:ln w="9525">
                <a:noFill/>
                <a:miter lim="800000"/>
              </a:ln>
            </p:spPr>
            <p:txBody>
              <a:bodyPr>
                <a:spAutoFit/>
              </a:bodyPr>
              <a:lstStyle/>
              <a:p>
                <a:pPr algn="ctr">
                  <a:lnSpc>
                    <a:spcPct val="150000"/>
                  </a:lnSpc>
                  <a:defRPr/>
                </a:pPr>
                <a:r>
                  <a:rPr altLang="en-US" kern="0" lang="zh-CN" sz="1400">
                    <a:solidFill>
                      <a:srgbClr val="C00000"/>
                    </a:solidFill>
                    <a:latin charset="-122" pitchFamily="34" typeface="微软雅黑"/>
                    <a:ea charset="-122" pitchFamily="34" typeface="微软雅黑"/>
                  </a:rPr>
                  <a:t>此处添加文本</a:t>
                </a:r>
              </a:p>
              <a:p>
                <a:pPr algn="ctr">
                  <a:lnSpc>
                    <a:spcPct val="150000"/>
                  </a:lnSpc>
                  <a:defRPr/>
                </a:pPr>
                <a:r>
                  <a:rPr altLang="en-US" kern="0" lang="zh-CN" sz="1400">
                    <a:solidFill>
                      <a:srgbClr val="C00000"/>
                    </a:solidFill>
                    <a:latin charset="-122" pitchFamily="34" typeface="微软雅黑"/>
                    <a:ea charset="-122" pitchFamily="34" typeface="微软雅黑"/>
                  </a:rPr>
                  <a:t>此处添加文本单击此处添加文本</a:t>
                </a:r>
              </a:p>
            </p:txBody>
          </p:sp>
        </p:grpSp>
        <p:sp>
          <p:nvSpPr>
            <p:cNvPr id="29" name="TextBox 28"/>
            <p:cNvSpPr txBox="1"/>
            <p:nvPr/>
          </p:nvSpPr>
          <p:spPr>
            <a:xfrm>
              <a:off x="6481832" y="3097711"/>
              <a:ext cx="586018" cy="36576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>
                  <a:solidFill>
                    <a:schemeClr val="tx1">
                      <a:lumMod val="85000"/>
                      <a:lumOff val="15000"/>
                    </a:schemeClr>
                  </a:solidFill>
                  <a:latin charset="-120" pitchFamily="50" typeface="MStiffHeiHK-UltraBold"/>
                  <a:ea charset="-120" pitchFamily="50" typeface="MStiffHeiHK-UltraBold"/>
                </a:rPr>
                <a:t>Text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decel="100000" fill="hold" id="5" nodeType="withEffect" presetClass="entr" presetID="49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7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8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9"/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36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500" id="1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1" nodeType="withEffect" presetClass="entr" presetID="19" presetSubtype="10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dur="1" fill="hold" id="1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13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14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decel="100000" fill="hold" id="15" nodeType="withEffect" presetClass="entr" presetID="49" presetSubtype="0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dur="1" fill="hold" id="1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17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18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19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36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500" id="2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21" nodeType="withEffect" presetClass="entr" presetID="19" presetSubtype="10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dur="1" fill="hold" id="2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23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24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decel="100000" fill="hold" id="25" nodeType="withEffect" presetClass="entr" presetID="49" presetSubtype="0">
                                  <p:stCondLst>
                                    <p:cond delay="700"/>
                                  </p:stCondLst>
                                  <p:childTnLst>
                                    <p:set>
                                      <p:cBhvr>
                                        <p:cTn dur="1" fill="hold" id="2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27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8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9"/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36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500" id="3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31" nodeType="withEffect" presetClass="entr" presetID="19" presetSubtype="10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dur="1" fill="hold" id="3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33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34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313939" y="2443981"/>
            <a:ext cx="1728192" cy="2371377"/>
            <a:chOff x="789939" y="1691978"/>
            <a:chExt cx="1728192" cy="2371377"/>
          </a:xfrm>
        </p:grpSpPr>
        <p:grpSp>
          <p:nvGrpSpPr>
            <p:cNvPr id="3" name="组合 2"/>
            <p:cNvGrpSpPr/>
            <p:nvPr/>
          </p:nvGrpSpPr>
          <p:grpSpPr>
            <a:xfrm>
              <a:off x="789939" y="1691978"/>
              <a:ext cx="1728192" cy="1552262"/>
              <a:chOff x="1237729" y="1779661"/>
              <a:chExt cx="1728192" cy="1552262"/>
            </a:xfrm>
          </p:grpSpPr>
          <p:sp>
            <p:nvSpPr>
              <p:cNvPr id="5" name="矩形 4"/>
              <p:cNvSpPr/>
              <p:nvPr/>
            </p:nvSpPr>
            <p:spPr>
              <a:xfrm>
                <a:off x="1237729" y="1779661"/>
                <a:ext cx="1728192" cy="1552262"/>
              </a:xfrm>
              <a:prstGeom prst="rect">
                <a:avLst/>
              </a:pr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  <p:sp>
            <p:nvSpPr>
              <p:cNvPr id="6" name="Freeform 6"/>
              <p:cNvSpPr>
                <a:spLocks noEditPoints="1"/>
              </p:cNvSpPr>
              <p:nvPr/>
            </p:nvSpPr>
            <p:spPr bwMode="auto">
              <a:xfrm>
                <a:off x="1553914" y="1914464"/>
                <a:ext cx="1107334" cy="841262"/>
              </a:xfrm>
              <a:custGeom>
                <a:gdLst>
                  <a:gd fmla="*/ 2 w 120" name="T0"/>
                  <a:gd fmla="*/ 42 h 91" name="T1"/>
                  <a:gd fmla="*/ 120 w 120" name="T2"/>
                  <a:gd fmla="*/ 47 h 91" name="T3"/>
                  <a:gd fmla="*/ 90 w 120" name="T4"/>
                  <a:gd fmla="*/ 88 h 91" name="T5"/>
                  <a:gd fmla="*/ 74 w 120" name="T6"/>
                  <a:gd fmla="*/ 78 h 91" name="T7"/>
                  <a:gd fmla="*/ 30 w 120" name="T8"/>
                  <a:gd fmla="*/ 71 h 91" name="T9"/>
                  <a:gd fmla="*/ 24 w 120" name="T10"/>
                  <a:gd fmla="*/ 49 h 91" name="T11"/>
                  <a:gd fmla="*/ 53 w 120" name="T12"/>
                  <a:gd fmla="*/ 33 h 91" name="T13"/>
                  <a:gd fmla="*/ 58 w 120" name="T14"/>
                  <a:gd fmla="*/ 38 h 91" name="T15"/>
                  <a:gd fmla="*/ 71 w 120" name="T16"/>
                  <a:gd fmla="*/ 31 h 91" name="T17"/>
                  <a:gd fmla="*/ 64 w 120" name="T18"/>
                  <a:gd fmla="*/ 27 h 91" name="T19"/>
                  <a:gd fmla="*/ 59 w 120" name="T20"/>
                  <a:gd fmla="*/ 22 h 91" name="T21"/>
                  <a:gd fmla="*/ 43 w 120" name="T22"/>
                  <a:gd fmla="*/ 33 h 91" name="T23"/>
                  <a:gd fmla="*/ 32 w 120" name="T24"/>
                  <a:gd fmla="*/ 31 h 91" name="T25"/>
                  <a:gd fmla="*/ 32 w 120" name="T26"/>
                  <a:gd fmla="*/ 38 h 91" name="T27"/>
                  <a:gd fmla="*/ 16 w 120" name="T28"/>
                  <a:gd fmla="*/ 40 h 91" name="T29"/>
                  <a:gd fmla="*/ 20 w 120" name="T30"/>
                  <a:gd fmla="*/ 49 h 91" name="T31"/>
                  <a:gd fmla="*/ 16 w 120" name="T32"/>
                  <a:gd fmla="*/ 71 h 91" name="T33"/>
                  <a:gd fmla="*/ 38 w 120" name="T34"/>
                  <a:gd fmla="*/ 57 h 91" name="T35"/>
                  <a:gd fmla="*/ 84 w 120" name="T36"/>
                  <a:gd fmla="*/ 46 h 91" name="T37"/>
                  <a:gd fmla="*/ 86 w 120" name="T38"/>
                  <a:gd fmla="*/ 46 h 91" name="T39"/>
                  <a:gd fmla="*/ 97 w 120" name="T40"/>
                  <a:gd fmla="*/ 31 h 91" name="T41"/>
                  <a:gd fmla="*/ 73 w 120" name="T42"/>
                  <a:gd fmla="*/ 42 h 91" name="T43"/>
                  <a:gd fmla="*/ 68 w 120" name="T44"/>
                  <a:gd fmla="*/ 36 h 91" name="T45"/>
                  <a:gd fmla="*/ 58 w 120" name="T46"/>
                  <a:gd fmla="*/ 44 h 91" name="T47"/>
                  <a:gd fmla="*/ 48 w 120" name="T48"/>
                  <a:gd fmla="*/ 43 h 91" name="T49"/>
                  <a:gd fmla="*/ 46 w 120" name="T50"/>
                  <a:gd fmla="*/ 48 h 91" name="T51"/>
                  <a:gd fmla="*/ 49 w 120" name="T52"/>
                  <a:gd fmla="*/ 63 h 91" name="T53"/>
                  <a:gd fmla="*/ 62 w 120" name="T54"/>
                  <a:gd fmla="*/ 62 h 91" name="T55"/>
                  <a:gd fmla="*/ 76 w 120" name="T56"/>
                  <a:gd fmla="*/ 65 h 91" name="T57"/>
                  <a:gd fmla="*/ 87 w 120" name="T58"/>
                  <a:gd fmla="*/ 58 h 91" name="T59"/>
                  <a:gd fmla="*/ 98 w 120" name="T60"/>
                  <a:gd fmla="*/ 59 h 91" name="T61"/>
                  <a:gd fmla="*/ 107 w 120" name="T62"/>
                  <a:gd fmla="*/ 50 h 91" name="T63"/>
                  <a:gd fmla="*/ 97 w 120" name="T64"/>
                  <a:gd fmla="*/ 55 h 91" name="T65"/>
                  <a:gd fmla="*/ 86 w 120" name="T66"/>
                  <a:gd fmla="*/ 54 h 91" name="T67"/>
                  <a:gd fmla="*/ 75 w 120" name="T68"/>
                  <a:gd fmla="*/ 61 h 91" name="T69"/>
                  <a:gd fmla="*/ 62 w 120" name="T70"/>
                  <a:gd fmla="*/ 58 h 91" name="T71"/>
                  <a:gd fmla="*/ 49 w 120" name="T72"/>
                  <a:gd fmla="*/ 63 h 91" name="T73"/>
                  <a:gd fmla="*/ 14 w 120" name="T74"/>
                  <a:gd fmla="*/ 33 h 91" name="T75"/>
                  <a:gd fmla="*/ 31 w 120" name="T76"/>
                  <a:gd fmla="*/ 29 h 91" name="T77"/>
                  <a:gd fmla="*/ 37 w 120" name="T78"/>
                  <a:gd fmla="*/ 20 h 91" name="T79"/>
                  <a:gd fmla="*/ 48 w 120" name="T80"/>
                  <a:gd fmla="*/ 22 h 91" name="T81"/>
                  <a:gd fmla="*/ 61 w 120" name="T82"/>
                  <a:gd fmla="*/ 17 h 91" name="T83"/>
                  <a:gd fmla="*/ 68 w 120" name="T84"/>
                  <a:gd fmla="*/ 21 h 91" name="T85"/>
                  <a:gd fmla="*/ 77 w 120" name="T86"/>
                  <a:gd fmla="*/ 18 h 91" name="T87"/>
                  <a:gd fmla="*/ 84 w 120" name="T88"/>
                  <a:gd fmla="*/ 20 h 91" name="T89"/>
                  <a:gd fmla="*/ 78 w 120" name="T90"/>
                  <a:gd fmla="*/ 14 h 91" name="T91"/>
                  <a:gd fmla="*/ 69 w 120" name="T92"/>
                  <a:gd fmla="*/ 16 h 91" name="T93"/>
                  <a:gd fmla="*/ 62 w 120" name="T94"/>
                  <a:gd fmla="*/ 12 h 91" name="T95"/>
                  <a:gd fmla="*/ 48 w 120" name="T96"/>
                  <a:gd fmla="*/ 17 h 91" name="T97"/>
                  <a:gd fmla="*/ 35 w 120" name="T98"/>
                  <a:gd fmla="*/ 15 h 91" name="T99"/>
                  <a:gd fmla="*/ 28 w 120" name="T100"/>
                  <a:gd fmla="*/ 25 h 91" name="T10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</a:cxnLst>
                <a:rect b="b" l="0" r="r" t="0"/>
                <a:pathLst>
                  <a:path h="91" w="120">
                    <a:moveTo>
                      <a:pt x="16" y="71"/>
                    </a:moveTo>
                    <a:cubicBezTo>
                      <a:pt x="5" y="66"/>
                      <a:pt x="0" y="56"/>
                      <a:pt x="2" y="42"/>
                    </a:cubicBezTo>
                    <a:cubicBezTo>
                      <a:pt x="1" y="37"/>
                      <a:pt x="13" y="16"/>
                      <a:pt x="49" y="8"/>
                    </a:cubicBezTo>
                    <a:cubicBezTo>
                      <a:pt x="85" y="0"/>
                      <a:pt x="120" y="31"/>
                      <a:pt x="120" y="47"/>
                    </a:cubicBezTo>
                    <a:cubicBezTo>
                      <a:pt x="120" y="58"/>
                      <a:pt x="105" y="68"/>
                      <a:pt x="88" y="74"/>
                    </a:cubicBezTo>
                    <a:cubicBezTo>
                      <a:pt x="90" y="88"/>
                      <a:pt x="90" y="88"/>
                      <a:pt x="90" y="88"/>
                    </a:cubicBezTo>
                    <a:cubicBezTo>
                      <a:pt x="84" y="91"/>
                      <a:pt x="84" y="91"/>
                      <a:pt x="84" y="91"/>
                    </a:cubicBezTo>
                    <a:cubicBezTo>
                      <a:pt x="74" y="78"/>
                      <a:pt x="74" y="78"/>
                      <a:pt x="74" y="78"/>
                    </a:cubicBezTo>
                    <a:cubicBezTo>
                      <a:pt x="60" y="81"/>
                      <a:pt x="47" y="81"/>
                      <a:pt x="42" y="79"/>
                    </a:cubicBezTo>
                    <a:cubicBezTo>
                      <a:pt x="35" y="77"/>
                      <a:pt x="30" y="71"/>
                      <a:pt x="30" y="71"/>
                    </a:cubicBezTo>
                    <a:cubicBezTo>
                      <a:pt x="30" y="71"/>
                      <a:pt x="30" y="71"/>
                      <a:pt x="30" y="71"/>
                    </a:cubicBezTo>
                    <a:cubicBezTo>
                      <a:pt x="26" y="66"/>
                      <a:pt x="24" y="55"/>
                      <a:pt x="24" y="49"/>
                    </a:cubicBezTo>
                    <a:cubicBezTo>
                      <a:pt x="30" y="44"/>
                      <a:pt x="37" y="40"/>
                      <a:pt x="45" y="36"/>
                    </a:cubicBezTo>
                    <a:cubicBezTo>
                      <a:pt x="47" y="35"/>
                      <a:pt x="50" y="34"/>
                      <a:pt x="53" y="33"/>
                    </a:cubicBezTo>
                    <a:cubicBezTo>
                      <a:pt x="54" y="39"/>
                      <a:pt x="54" y="39"/>
                      <a:pt x="54" y="39"/>
                    </a:cubicBezTo>
                    <a:cubicBezTo>
                      <a:pt x="58" y="38"/>
                      <a:pt x="58" y="38"/>
                      <a:pt x="58" y="38"/>
                    </a:cubicBezTo>
                    <a:cubicBezTo>
                      <a:pt x="57" y="32"/>
                      <a:pt x="57" y="32"/>
                      <a:pt x="57" y="32"/>
                    </a:cubicBezTo>
                    <a:cubicBezTo>
                      <a:pt x="61" y="32"/>
                      <a:pt x="66" y="31"/>
                      <a:pt x="71" y="31"/>
                    </a:cubicBezTo>
                    <a:cubicBezTo>
                      <a:pt x="71" y="27"/>
                      <a:pt x="71" y="27"/>
                      <a:pt x="71" y="27"/>
                    </a:cubicBezTo>
                    <a:cubicBezTo>
                      <a:pt x="69" y="27"/>
                      <a:pt x="67" y="27"/>
                      <a:pt x="64" y="27"/>
                    </a:cubicBezTo>
                    <a:cubicBezTo>
                      <a:pt x="64" y="21"/>
                      <a:pt x="64" y="21"/>
                      <a:pt x="64" y="21"/>
                    </a:cubicBezTo>
                    <a:cubicBezTo>
                      <a:pt x="59" y="22"/>
                      <a:pt x="59" y="22"/>
                      <a:pt x="59" y="22"/>
                    </a:cubicBezTo>
                    <a:cubicBezTo>
                      <a:pt x="60" y="28"/>
                      <a:pt x="60" y="28"/>
                      <a:pt x="60" y="28"/>
                    </a:cubicBezTo>
                    <a:cubicBezTo>
                      <a:pt x="54" y="29"/>
                      <a:pt x="48" y="30"/>
                      <a:pt x="43" y="33"/>
                    </a:cubicBezTo>
                    <a:cubicBezTo>
                      <a:pt x="40" y="34"/>
                      <a:pt x="38" y="35"/>
                      <a:pt x="35" y="36"/>
                    </a:cubicBezTo>
                    <a:cubicBezTo>
                      <a:pt x="32" y="31"/>
                      <a:pt x="32" y="31"/>
                      <a:pt x="32" y="31"/>
                    </a:cubicBezTo>
                    <a:cubicBezTo>
                      <a:pt x="28" y="33"/>
                      <a:pt x="28" y="33"/>
                      <a:pt x="28" y="33"/>
                    </a:cubicBezTo>
                    <a:cubicBezTo>
                      <a:pt x="32" y="38"/>
                      <a:pt x="32" y="38"/>
                      <a:pt x="32" y="38"/>
                    </a:cubicBezTo>
                    <a:cubicBezTo>
                      <a:pt x="29" y="41"/>
                      <a:pt x="25" y="43"/>
                      <a:pt x="22" y="46"/>
                    </a:cubicBezTo>
                    <a:cubicBezTo>
                      <a:pt x="16" y="40"/>
                      <a:pt x="16" y="40"/>
                      <a:pt x="16" y="40"/>
                    </a:cubicBezTo>
                    <a:cubicBezTo>
                      <a:pt x="13" y="44"/>
                      <a:pt x="13" y="44"/>
                      <a:pt x="13" y="44"/>
                    </a:cubicBezTo>
                    <a:cubicBezTo>
                      <a:pt x="20" y="49"/>
                      <a:pt x="20" y="49"/>
                      <a:pt x="20" y="49"/>
                    </a:cubicBezTo>
                    <a:cubicBezTo>
                      <a:pt x="20" y="55"/>
                      <a:pt x="22" y="65"/>
                      <a:pt x="25" y="71"/>
                    </a:cubicBezTo>
                    <a:cubicBezTo>
                      <a:pt x="16" y="71"/>
                      <a:pt x="16" y="71"/>
                      <a:pt x="16" y="71"/>
                    </a:cubicBezTo>
                    <a:close/>
                    <a:moveTo>
                      <a:pt x="36" y="54"/>
                    </a:moveTo>
                    <a:cubicBezTo>
                      <a:pt x="38" y="57"/>
                      <a:pt x="38" y="57"/>
                      <a:pt x="38" y="57"/>
                    </a:cubicBezTo>
                    <a:cubicBezTo>
                      <a:pt x="44" y="53"/>
                      <a:pt x="51" y="50"/>
                      <a:pt x="59" y="48"/>
                    </a:cubicBezTo>
                    <a:cubicBezTo>
                      <a:pt x="67" y="47"/>
                      <a:pt x="75" y="46"/>
                      <a:pt x="84" y="46"/>
                    </a:cubicBezTo>
                    <a:cubicBezTo>
                      <a:pt x="85" y="46"/>
                      <a:pt x="85" y="46"/>
                      <a:pt x="85" y="46"/>
                    </a:cubicBezTo>
                    <a:cubicBezTo>
                      <a:pt x="86" y="46"/>
                      <a:pt x="86" y="46"/>
                      <a:pt x="86" y="46"/>
                    </a:cubicBezTo>
                    <a:cubicBezTo>
                      <a:pt x="100" y="34"/>
                      <a:pt x="100" y="34"/>
                      <a:pt x="100" y="34"/>
                    </a:cubicBezTo>
                    <a:cubicBezTo>
                      <a:pt x="97" y="31"/>
                      <a:pt x="97" y="31"/>
                      <a:pt x="97" y="31"/>
                    </a:cubicBezTo>
                    <a:cubicBezTo>
                      <a:pt x="84" y="42"/>
                      <a:pt x="84" y="42"/>
                      <a:pt x="84" y="42"/>
                    </a:cubicBezTo>
                    <a:cubicBezTo>
                      <a:pt x="80" y="42"/>
                      <a:pt x="76" y="42"/>
                      <a:pt x="73" y="42"/>
                    </a:cubicBezTo>
                    <a:cubicBezTo>
                      <a:pt x="72" y="36"/>
                      <a:pt x="72" y="36"/>
                      <a:pt x="72" y="36"/>
                    </a:cubicBezTo>
                    <a:cubicBezTo>
                      <a:pt x="68" y="36"/>
                      <a:pt x="68" y="36"/>
                      <a:pt x="68" y="36"/>
                    </a:cubicBezTo>
                    <a:cubicBezTo>
                      <a:pt x="68" y="43"/>
                      <a:pt x="68" y="43"/>
                      <a:pt x="68" y="43"/>
                    </a:cubicBezTo>
                    <a:cubicBezTo>
                      <a:pt x="65" y="43"/>
                      <a:pt x="61" y="44"/>
                      <a:pt x="58" y="44"/>
                    </a:cubicBezTo>
                    <a:cubicBezTo>
                      <a:pt x="55" y="45"/>
                      <a:pt x="53" y="46"/>
                      <a:pt x="50" y="47"/>
                    </a:cubicBezTo>
                    <a:cubicBezTo>
                      <a:pt x="48" y="43"/>
                      <a:pt x="48" y="43"/>
                      <a:pt x="48" y="43"/>
                    </a:cubicBezTo>
                    <a:cubicBezTo>
                      <a:pt x="44" y="44"/>
                      <a:pt x="44" y="44"/>
                      <a:pt x="44" y="44"/>
                    </a:cubicBezTo>
                    <a:cubicBezTo>
                      <a:pt x="46" y="48"/>
                      <a:pt x="46" y="48"/>
                      <a:pt x="46" y="48"/>
                    </a:cubicBezTo>
                    <a:cubicBezTo>
                      <a:pt x="42" y="50"/>
                      <a:pt x="39" y="52"/>
                      <a:pt x="36" y="54"/>
                    </a:cubicBezTo>
                    <a:close/>
                    <a:moveTo>
                      <a:pt x="49" y="63"/>
                    </a:moveTo>
                    <a:cubicBezTo>
                      <a:pt x="50" y="67"/>
                      <a:pt x="50" y="67"/>
                      <a:pt x="50" y="67"/>
                    </a:cubicBezTo>
                    <a:cubicBezTo>
                      <a:pt x="62" y="62"/>
                      <a:pt x="62" y="62"/>
                      <a:pt x="62" y="62"/>
                    </a:cubicBezTo>
                    <a:cubicBezTo>
                      <a:pt x="75" y="65"/>
                      <a:pt x="75" y="65"/>
                      <a:pt x="75" y="65"/>
                    </a:cubicBezTo>
                    <a:cubicBezTo>
                      <a:pt x="76" y="65"/>
                      <a:pt x="76" y="65"/>
                      <a:pt x="76" y="65"/>
                    </a:cubicBezTo>
                    <a:cubicBezTo>
                      <a:pt x="76" y="65"/>
                      <a:pt x="76" y="65"/>
                      <a:pt x="76" y="65"/>
                    </a:cubicBezTo>
                    <a:cubicBezTo>
                      <a:pt x="87" y="58"/>
                      <a:pt x="87" y="58"/>
                      <a:pt x="87" y="58"/>
                    </a:cubicBezTo>
                    <a:cubicBezTo>
                      <a:pt x="97" y="59"/>
                      <a:pt x="97" y="59"/>
                      <a:pt x="97" y="59"/>
                    </a:cubicBezTo>
                    <a:cubicBezTo>
                      <a:pt x="98" y="59"/>
                      <a:pt x="98" y="59"/>
                      <a:pt x="98" y="59"/>
                    </a:cubicBezTo>
                    <a:cubicBezTo>
                      <a:pt x="99" y="58"/>
                      <a:pt x="99" y="58"/>
                      <a:pt x="99" y="58"/>
                    </a:cubicBezTo>
                    <a:cubicBezTo>
                      <a:pt x="107" y="50"/>
                      <a:pt x="107" y="50"/>
                      <a:pt x="107" y="50"/>
                    </a:cubicBezTo>
                    <a:cubicBezTo>
                      <a:pt x="104" y="47"/>
                      <a:pt x="104" y="47"/>
                      <a:pt x="104" y="47"/>
                    </a:cubicBezTo>
                    <a:cubicBezTo>
                      <a:pt x="97" y="55"/>
                      <a:pt x="97" y="55"/>
                      <a:pt x="97" y="55"/>
                    </a:cubicBezTo>
                    <a:cubicBezTo>
                      <a:pt x="87" y="54"/>
                      <a:pt x="87" y="54"/>
                      <a:pt x="87" y="54"/>
                    </a:cubicBezTo>
                    <a:cubicBezTo>
                      <a:pt x="86" y="54"/>
                      <a:pt x="86" y="54"/>
                      <a:pt x="86" y="54"/>
                    </a:cubicBezTo>
                    <a:cubicBezTo>
                      <a:pt x="86" y="54"/>
                      <a:pt x="86" y="54"/>
                      <a:pt x="86" y="54"/>
                    </a:cubicBezTo>
                    <a:cubicBezTo>
                      <a:pt x="75" y="61"/>
                      <a:pt x="75" y="61"/>
                      <a:pt x="75" y="61"/>
                    </a:cubicBezTo>
                    <a:cubicBezTo>
                      <a:pt x="63" y="58"/>
                      <a:pt x="63" y="58"/>
                      <a:pt x="63" y="58"/>
                    </a:cubicBezTo>
                    <a:cubicBezTo>
                      <a:pt x="62" y="58"/>
                      <a:pt x="62" y="58"/>
                      <a:pt x="62" y="58"/>
                    </a:cubicBezTo>
                    <a:cubicBezTo>
                      <a:pt x="61" y="58"/>
                      <a:pt x="61" y="58"/>
                      <a:pt x="61" y="58"/>
                    </a:cubicBezTo>
                    <a:cubicBezTo>
                      <a:pt x="49" y="63"/>
                      <a:pt x="49" y="63"/>
                      <a:pt x="49" y="63"/>
                    </a:cubicBezTo>
                    <a:close/>
                    <a:moveTo>
                      <a:pt x="13" y="29"/>
                    </a:moveTo>
                    <a:cubicBezTo>
                      <a:pt x="14" y="33"/>
                      <a:pt x="14" y="33"/>
                      <a:pt x="14" y="33"/>
                    </a:cubicBezTo>
                    <a:cubicBezTo>
                      <a:pt x="30" y="29"/>
                      <a:pt x="30" y="29"/>
                      <a:pt x="30" y="29"/>
                    </a:cubicBezTo>
                    <a:cubicBezTo>
                      <a:pt x="31" y="29"/>
                      <a:pt x="31" y="29"/>
                      <a:pt x="31" y="29"/>
                    </a:cubicBezTo>
                    <a:cubicBezTo>
                      <a:pt x="31" y="28"/>
                      <a:pt x="31" y="28"/>
                      <a:pt x="31" y="28"/>
                    </a:cubicBezTo>
                    <a:cubicBezTo>
                      <a:pt x="37" y="20"/>
                      <a:pt x="37" y="20"/>
                      <a:pt x="37" y="20"/>
                    </a:cubicBezTo>
                    <a:cubicBezTo>
                      <a:pt x="47" y="22"/>
                      <a:pt x="47" y="22"/>
                      <a:pt x="47" y="22"/>
                    </a:cubicBezTo>
                    <a:cubicBezTo>
                      <a:pt x="48" y="22"/>
                      <a:pt x="48" y="22"/>
                      <a:pt x="48" y="22"/>
                    </a:cubicBezTo>
                    <a:cubicBezTo>
                      <a:pt x="48" y="22"/>
                      <a:pt x="48" y="22"/>
                      <a:pt x="48" y="22"/>
                    </a:cubicBezTo>
                    <a:cubicBezTo>
                      <a:pt x="61" y="17"/>
                      <a:pt x="61" y="17"/>
                      <a:pt x="61" y="17"/>
                    </a:cubicBezTo>
                    <a:cubicBezTo>
                      <a:pt x="67" y="20"/>
                      <a:pt x="67" y="20"/>
                      <a:pt x="67" y="20"/>
                    </a:cubicBezTo>
                    <a:cubicBezTo>
                      <a:pt x="68" y="21"/>
                      <a:pt x="68" y="21"/>
                      <a:pt x="68" y="21"/>
                    </a:cubicBezTo>
                    <a:cubicBezTo>
                      <a:pt x="69" y="21"/>
                      <a:pt x="69" y="21"/>
                      <a:pt x="69" y="21"/>
                    </a:cubicBezTo>
                    <a:cubicBezTo>
                      <a:pt x="77" y="18"/>
                      <a:pt x="77" y="18"/>
                      <a:pt x="77" y="18"/>
                    </a:cubicBezTo>
                    <a:cubicBezTo>
                      <a:pt x="81" y="23"/>
                      <a:pt x="81" y="23"/>
                      <a:pt x="81" y="23"/>
                    </a:cubicBezTo>
                    <a:cubicBezTo>
                      <a:pt x="84" y="20"/>
                      <a:pt x="84" y="20"/>
                      <a:pt x="84" y="20"/>
                    </a:cubicBezTo>
                    <a:cubicBezTo>
                      <a:pt x="79" y="15"/>
                      <a:pt x="79" y="15"/>
                      <a:pt x="79" y="15"/>
                    </a:cubicBezTo>
                    <a:cubicBezTo>
                      <a:pt x="78" y="14"/>
                      <a:pt x="78" y="14"/>
                      <a:pt x="78" y="14"/>
                    </a:cubicBezTo>
                    <a:cubicBezTo>
                      <a:pt x="77" y="14"/>
                      <a:pt x="77" y="14"/>
                      <a:pt x="77" y="14"/>
                    </a:cubicBezTo>
                    <a:cubicBezTo>
                      <a:pt x="69" y="16"/>
                      <a:pt x="69" y="16"/>
                      <a:pt x="69" y="16"/>
                    </a:cubicBezTo>
                    <a:cubicBezTo>
                      <a:pt x="63" y="13"/>
                      <a:pt x="63" y="13"/>
                      <a:pt x="63" y="13"/>
                    </a:cubicBezTo>
                    <a:cubicBezTo>
                      <a:pt x="62" y="12"/>
                      <a:pt x="62" y="12"/>
                      <a:pt x="62" y="12"/>
                    </a:cubicBezTo>
                    <a:cubicBezTo>
                      <a:pt x="61" y="12"/>
                      <a:pt x="61" y="12"/>
                      <a:pt x="61" y="12"/>
                    </a:cubicBezTo>
                    <a:cubicBezTo>
                      <a:pt x="48" y="17"/>
                      <a:pt x="48" y="17"/>
                      <a:pt x="48" y="17"/>
                    </a:cubicBezTo>
                    <a:cubicBezTo>
                      <a:pt x="37" y="15"/>
                      <a:pt x="37" y="15"/>
                      <a:pt x="37" y="15"/>
                    </a:cubicBezTo>
                    <a:cubicBezTo>
                      <a:pt x="35" y="15"/>
                      <a:pt x="35" y="15"/>
                      <a:pt x="35" y="15"/>
                    </a:cubicBezTo>
                    <a:cubicBezTo>
                      <a:pt x="35" y="16"/>
                      <a:pt x="35" y="16"/>
                      <a:pt x="35" y="16"/>
                    </a:cubicBezTo>
                    <a:cubicBezTo>
                      <a:pt x="28" y="25"/>
                      <a:pt x="28" y="25"/>
                      <a:pt x="28" y="25"/>
                    </a:cubicBezTo>
                    <a:lnTo>
                      <a:pt x="13" y="29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" name="TextBox 6"/>
              <p:cNvSpPr txBox="1"/>
              <p:nvPr/>
            </p:nvSpPr>
            <p:spPr>
              <a:xfrm>
                <a:off x="1583813" y="2869573"/>
                <a:ext cx="830580" cy="36576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charset="-120" pitchFamily="50" typeface="MStiffHeiHK-UltraBold"/>
                    <a:ea charset="-120" pitchFamily="50" typeface="MStiffHeiHK-UltraBold"/>
                  </a:rPr>
                  <a:t>Picture</a:t>
                </a:r>
              </a:p>
            </p:txBody>
          </p:sp>
        </p:grpSp>
        <p:sp>
          <p:nvSpPr>
            <p:cNvPr id="4" name="矩形 3"/>
            <p:cNvSpPr/>
            <p:nvPr/>
          </p:nvSpPr>
          <p:spPr>
            <a:xfrm>
              <a:off x="957833" y="3417024"/>
              <a:ext cx="1402080" cy="6400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lvl="0">
                <a:lnSpc>
                  <a:spcPct val="150000"/>
                </a:lnSpc>
                <a:defRPr/>
              </a:pPr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单击此处添加文本</a:t>
              </a:r>
            </a:p>
            <a:p>
              <a:pPr algn="ctr" lvl="0">
                <a:lnSpc>
                  <a:spcPct val="150000"/>
                </a:lnSpc>
                <a:defRPr/>
              </a:pPr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单击此处添加文本</a:t>
              </a:r>
            </a:p>
          </p:txBody>
        </p:sp>
      </p:grpSp>
      <p:grpSp>
        <p:nvGrpSpPr>
          <p:cNvPr id="8" name="组合 7"/>
          <p:cNvGrpSpPr/>
          <p:nvPr/>
        </p:nvGrpSpPr>
        <p:grpSpPr>
          <a:xfrm>
            <a:off x="4281131" y="2443981"/>
            <a:ext cx="1728192" cy="2371377"/>
            <a:chOff x="2757131" y="1691978"/>
            <a:chExt cx="1728192" cy="2371377"/>
          </a:xfrm>
        </p:grpSpPr>
        <p:grpSp>
          <p:nvGrpSpPr>
            <p:cNvPr id="9" name="组合 8"/>
            <p:cNvGrpSpPr/>
            <p:nvPr/>
          </p:nvGrpSpPr>
          <p:grpSpPr>
            <a:xfrm>
              <a:off x="2757131" y="1691978"/>
              <a:ext cx="1728192" cy="1552262"/>
              <a:chOff x="2832287" y="1691978"/>
              <a:chExt cx="1728192" cy="1552262"/>
            </a:xfrm>
          </p:grpSpPr>
          <p:grpSp>
            <p:nvGrpSpPr>
              <p:cNvPr id="11" name="组合 10"/>
              <p:cNvGrpSpPr/>
              <p:nvPr/>
            </p:nvGrpSpPr>
            <p:grpSpPr>
              <a:xfrm>
                <a:off x="2832287" y="1691978"/>
                <a:ext cx="1728192" cy="1552262"/>
                <a:chOff x="1237729" y="1779661"/>
                <a:chExt cx="1728192" cy="1552262"/>
              </a:xfrm>
            </p:grpSpPr>
            <p:sp>
              <p:nvSpPr>
                <p:cNvPr id="13" name="矩形 12"/>
                <p:cNvSpPr/>
                <p:nvPr/>
              </p:nvSpPr>
              <p:spPr>
                <a:xfrm>
                  <a:off x="1237729" y="1779661"/>
                  <a:ext cx="1728192" cy="1552262"/>
                </a:xfrm>
                <a:prstGeom prst="rect">
                  <a:avLst/>
                </a:prstGeom>
                <a:solidFill>
                  <a:schemeClr val="accent5">
                    <a:lumMod val="60000"/>
                    <a:lumOff val="4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  <a:prstTxWarp prst="textNoShape">
                    <a:avLst/>
                  </a:prstTxWarp>
                  <a:noAutofit/>
                </a:bodyPr>
                <a:lstStyle/>
                <a:p>
                  <a:pPr algn="ctr"/>
                  <a:endParaRPr altLang="en-US" lang="zh-CN"/>
                </a:p>
              </p:txBody>
            </p:sp>
            <p:sp>
              <p:nvSpPr>
                <p:cNvPr id="14" name="TextBox 13"/>
                <p:cNvSpPr txBox="1"/>
                <p:nvPr/>
              </p:nvSpPr>
              <p:spPr>
                <a:xfrm>
                  <a:off x="1583813" y="2869573"/>
                  <a:ext cx="830580" cy="365760"/>
                </a:xfrm>
                <a:prstGeom prst="rect">
                  <a:avLst/>
                </a:prstGeom>
                <a:noFill/>
              </p:spPr>
              <p:txBody>
                <a:bodyPr rtlCol="0" wrap="none">
                  <a:spAutoFit/>
                </a:bodyPr>
                <a:lstStyle/>
                <a:p>
                  <a:r>
                    <a:rPr altLang="zh-CN" lang="en-US">
                      <a:solidFill>
                        <a:schemeClr val="tx1">
                          <a:lumMod val="85000"/>
                          <a:lumOff val="15000"/>
                        </a:schemeClr>
                      </a:solidFill>
                      <a:latin charset="-120" pitchFamily="50" typeface="MStiffHeiHK-UltraBold"/>
                      <a:ea charset="-120" pitchFamily="50" typeface="MStiffHeiHK-UltraBold"/>
                    </a:rPr>
                    <a:t>Picture</a:t>
                  </a:r>
                </a:p>
              </p:txBody>
            </p:sp>
          </p:grpSp>
          <p:sp>
            <p:nvSpPr>
              <p:cNvPr id="12" name="Freeform 11"/>
              <p:cNvSpPr>
                <a:spLocks noEditPoints="1"/>
              </p:cNvSpPr>
              <p:nvPr/>
            </p:nvSpPr>
            <p:spPr bwMode="auto">
              <a:xfrm>
                <a:off x="3310353" y="1957019"/>
                <a:ext cx="852488" cy="769938"/>
              </a:xfrm>
              <a:custGeom>
                <a:gdLst>
                  <a:gd fmla="*/ 413 w 537" name="T0"/>
                  <a:gd fmla="*/ 0 h 485" name="T1"/>
                  <a:gd fmla="*/ 436 w 537" name="T2"/>
                  <a:gd fmla="*/ 23 h 485" name="T3"/>
                  <a:gd fmla="*/ 394 w 537" name="T4"/>
                  <a:gd fmla="*/ 142 h 485" name="T5"/>
                  <a:gd fmla="*/ 92 w 537" name="T6"/>
                  <a:gd fmla="*/ 41 h 485" name="T7"/>
                  <a:gd fmla="*/ 115 w 537" name="T8"/>
                  <a:gd fmla="*/ 59 h 485" name="T9"/>
                  <a:gd fmla="*/ 151 w 537" name="T10"/>
                  <a:gd fmla="*/ 91 h 485" name="T11"/>
                  <a:gd fmla="*/ 92 w 537" name="T12"/>
                  <a:gd fmla="*/ 114 h 485" name="T13"/>
                  <a:gd fmla="*/ 115 w 537" name="T14"/>
                  <a:gd fmla="*/ 128 h 485" name="T15"/>
                  <a:gd fmla="*/ 151 w 537" name="T16"/>
                  <a:gd fmla="*/ 160 h 485" name="T17"/>
                  <a:gd fmla="*/ 92 w 537" name="T18"/>
                  <a:gd fmla="*/ 183 h 485" name="T19"/>
                  <a:gd fmla="*/ 115 w 537" name="T20"/>
                  <a:gd fmla="*/ 201 h 485" name="T21"/>
                  <a:gd fmla="*/ 151 w 537" name="T22"/>
                  <a:gd fmla="*/ 229 h 485" name="T23"/>
                  <a:gd fmla="*/ 92 w 537" name="T24"/>
                  <a:gd fmla="*/ 256 h 485" name="T25"/>
                  <a:gd fmla="*/ 115 w 537" name="T26"/>
                  <a:gd fmla="*/ 270 h 485" name="T27"/>
                  <a:gd fmla="*/ 151 w 537" name="T28"/>
                  <a:gd fmla="*/ 298 h 485" name="T29"/>
                  <a:gd fmla="*/ 92 w 537" name="T30"/>
                  <a:gd fmla="*/ 325 h 485" name="T31"/>
                  <a:gd fmla="*/ 115 w 537" name="T32"/>
                  <a:gd fmla="*/ 343 h 485" name="T33"/>
                  <a:gd fmla="*/ 151 w 537" name="T34"/>
                  <a:gd fmla="*/ 371 h 485" name="T35"/>
                  <a:gd fmla="*/ 92 w 537" name="T36"/>
                  <a:gd fmla="*/ 398 h 485" name="T37"/>
                  <a:gd fmla="*/ 92 w 537" name="T38"/>
                  <a:gd fmla="*/ 444 h 485" name="T39"/>
                  <a:gd fmla="*/ 394 w 537" name="T40"/>
                  <a:gd fmla="*/ 353 h 485" name="T41"/>
                  <a:gd fmla="*/ 436 w 537" name="T42"/>
                  <a:gd fmla="*/ 467 h 485" name="T43"/>
                  <a:gd fmla="*/ 413 w 537" name="T44"/>
                  <a:gd fmla="*/ 485 h 485" name="T45"/>
                  <a:gd fmla="*/ 51 w 537" name="T46"/>
                  <a:gd fmla="*/ 485 h 485" name="T47"/>
                  <a:gd fmla="*/ 51 w 537" name="T48"/>
                  <a:gd fmla="*/ 430 h 485" name="T49"/>
                  <a:gd fmla="*/ 0 w 537" name="T50"/>
                  <a:gd fmla="*/ 394 h 485" name="T51"/>
                  <a:gd fmla="*/ 51 w 537" name="T52"/>
                  <a:gd fmla="*/ 357 h 485" name="T53"/>
                  <a:gd fmla="*/ 0 w 537" name="T54"/>
                  <a:gd fmla="*/ 320 h 485" name="T55"/>
                  <a:gd fmla="*/ 51 w 537" name="T56"/>
                  <a:gd fmla="*/ 288 h 485" name="T57"/>
                  <a:gd fmla="*/ 0 w 537" name="T58"/>
                  <a:gd fmla="*/ 252 h 485" name="T59"/>
                  <a:gd fmla="*/ 51 w 537" name="T60"/>
                  <a:gd fmla="*/ 220 h 485" name="T61"/>
                  <a:gd fmla="*/ 0 w 537" name="T62"/>
                  <a:gd fmla="*/ 178 h 485" name="T63"/>
                  <a:gd fmla="*/ 51 w 537" name="T64"/>
                  <a:gd fmla="*/ 151 h 485" name="T65"/>
                  <a:gd fmla="*/ 0 w 537" name="T66"/>
                  <a:gd fmla="*/ 110 h 485" name="T67"/>
                  <a:gd fmla="*/ 51 w 537" name="T68"/>
                  <a:gd fmla="*/ 23 h 485" name="T69"/>
                  <a:gd fmla="*/ 74 w 537" name="T70"/>
                  <a:gd fmla="*/ 0 h 485" name="T71"/>
                  <a:gd fmla="*/ 248 w 537" name="T72"/>
                  <a:gd fmla="*/ 389 h 485" name="T73"/>
                  <a:gd fmla="*/ 312 w 537" name="T74"/>
                  <a:gd fmla="*/ 385 h 485" name="T75"/>
                  <a:gd fmla="*/ 252 w 537" name="T76"/>
                  <a:gd fmla="*/ 320 h 485" name="T77"/>
                  <a:gd fmla="*/ 248 w 537" name="T78"/>
                  <a:gd fmla="*/ 389 h 485" name="T79"/>
                  <a:gd fmla="*/ 477 w 537" name="T80"/>
                  <a:gd fmla="*/ 105 h 485" name="T81"/>
                  <a:gd fmla="*/ 339 w 537" name="T82"/>
                  <a:gd fmla="*/ 357 h 485" name="T83"/>
                  <a:gd fmla="*/ 477 w 537" name="T84"/>
                  <a:gd fmla="*/ 105 h 485" name="T85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</a:cxnLst>
                <a:rect b="b" l="0" r="r" t="0"/>
                <a:pathLst>
                  <a:path h="485" w="537">
                    <a:moveTo>
                      <a:pt x="74" y="0"/>
                    </a:moveTo>
                    <a:lnTo>
                      <a:pt x="413" y="0"/>
                    </a:lnTo>
                    <a:lnTo>
                      <a:pt x="436" y="0"/>
                    </a:lnTo>
                    <a:lnTo>
                      <a:pt x="436" y="23"/>
                    </a:lnTo>
                    <a:lnTo>
                      <a:pt x="436" y="100"/>
                    </a:lnTo>
                    <a:lnTo>
                      <a:pt x="394" y="142"/>
                    </a:lnTo>
                    <a:lnTo>
                      <a:pt x="394" y="41"/>
                    </a:lnTo>
                    <a:lnTo>
                      <a:pt x="92" y="41"/>
                    </a:lnTo>
                    <a:lnTo>
                      <a:pt x="92" y="68"/>
                    </a:lnTo>
                    <a:lnTo>
                      <a:pt x="115" y="59"/>
                    </a:lnTo>
                    <a:lnTo>
                      <a:pt x="133" y="55"/>
                    </a:lnTo>
                    <a:lnTo>
                      <a:pt x="151" y="91"/>
                    </a:lnTo>
                    <a:lnTo>
                      <a:pt x="133" y="100"/>
                    </a:lnTo>
                    <a:lnTo>
                      <a:pt x="92" y="114"/>
                    </a:lnTo>
                    <a:lnTo>
                      <a:pt x="92" y="137"/>
                    </a:lnTo>
                    <a:lnTo>
                      <a:pt x="115" y="128"/>
                    </a:lnTo>
                    <a:lnTo>
                      <a:pt x="133" y="123"/>
                    </a:lnTo>
                    <a:lnTo>
                      <a:pt x="151" y="160"/>
                    </a:lnTo>
                    <a:lnTo>
                      <a:pt x="133" y="169"/>
                    </a:lnTo>
                    <a:lnTo>
                      <a:pt x="92" y="183"/>
                    </a:lnTo>
                    <a:lnTo>
                      <a:pt x="92" y="210"/>
                    </a:lnTo>
                    <a:lnTo>
                      <a:pt x="115" y="201"/>
                    </a:lnTo>
                    <a:lnTo>
                      <a:pt x="133" y="192"/>
                    </a:lnTo>
                    <a:lnTo>
                      <a:pt x="151" y="229"/>
                    </a:lnTo>
                    <a:lnTo>
                      <a:pt x="133" y="238"/>
                    </a:lnTo>
                    <a:lnTo>
                      <a:pt x="92" y="256"/>
                    </a:lnTo>
                    <a:lnTo>
                      <a:pt x="92" y="279"/>
                    </a:lnTo>
                    <a:lnTo>
                      <a:pt x="115" y="270"/>
                    </a:lnTo>
                    <a:lnTo>
                      <a:pt x="133" y="261"/>
                    </a:lnTo>
                    <a:lnTo>
                      <a:pt x="151" y="298"/>
                    </a:lnTo>
                    <a:lnTo>
                      <a:pt x="133" y="307"/>
                    </a:lnTo>
                    <a:lnTo>
                      <a:pt x="92" y="325"/>
                    </a:lnTo>
                    <a:lnTo>
                      <a:pt x="92" y="353"/>
                    </a:lnTo>
                    <a:lnTo>
                      <a:pt x="115" y="343"/>
                    </a:lnTo>
                    <a:lnTo>
                      <a:pt x="133" y="334"/>
                    </a:lnTo>
                    <a:lnTo>
                      <a:pt x="151" y="371"/>
                    </a:lnTo>
                    <a:lnTo>
                      <a:pt x="133" y="380"/>
                    </a:lnTo>
                    <a:lnTo>
                      <a:pt x="92" y="398"/>
                    </a:lnTo>
                    <a:lnTo>
                      <a:pt x="92" y="430"/>
                    </a:lnTo>
                    <a:lnTo>
                      <a:pt x="92" y="444"/>
                    </a:lnTo>
                    <a:lnTo>
                      <a:pt x="394" y="444"/>
                    </a:lnTo>
                    <a:lnTo>
                      <a:pt x="394" y="353"/>
                    </a:lnTo>
                    <a:lnTo>
                      <a:pt x="436" y="311"/>
                    </a:lnTo>
                    <a:lnTo>
                      <a:pt x="436" y="467"/>
                    </a:lnTo>
                    <a:lnTo>
                      <a:pt x="436" y="485"/>
                    </a:lnTo>
                    <a:lnTo>
                      <a:pt x="413" y="485"/>
                    </a:lnTo>
                    <a:lnTo>
                      <a:pt x="74" y="485"/>
                    </a:lnTo>
                    <a:lnTo>
                      <a:pt x="51" y="485"/>
                    </a:lnTo>
                    <a:lnTo>
                      <a:pt x="51" y="467"/>
                    </a:lnTo>
                    <a:lnTo>
                      <a:pt x="51" y="430"/>
                    </a:lnTo>
                    <a:lnTo>
                      <a:pt x="9" y="430"/>
                    </a:lnTo>
                    <a:lnTo>
                      <a:pt x="0" y="394"/>
                    </a:lnTo>
                    <a:lnTo>
                      <a:pt x="51" y="371"/>
                    </a:lnTo>
                    <a:lnTo>
                      <a:pt x="51" y="357"/>
                    </a:lnTo>
                    <a:lnTo>
                      <a:pt x="9" y="357"/>
                    </a:lnTo>
                    <a:lnTo>
                      <a:pt x="0" y="320"/>
                    </a:lnTo>
                    <a:lnTo>
                      <a:pt x="51" y="298"/>
                    </a:lnTo>
                    <a:lnTo>
                      <a:pt x="51" y="288"/>
                    </a:lnTo>
                    <a:lnTo>
                      <a:pt x="9" y="288"/>
                    </a:lnTo>
                    <a:lnTo>
                      <a:pt x="0" y="252"/>
                    </a:lnTo>
                    <a:lnTo>
                      <a:pt x="51" y="229"/>
                    </a:lnTo>
                    <a:lnTo>
                      <a:pt x="51" y="220"/>
                    </a:lnTo>
                    <a:lnTo>
                      <a:pt x="9" y="220"/>
                    </a:lnTo>
                    <a:lnTo>
                      <a:pt x="0" y="178"/>
                    </a:lnTo>
                    <a:lnTo>
                      <a:pt x="51" y="155"/>
                    </a:lnTo>
                    <a:lnTo>
                      <a:pt x="51" y="151"/>
                    </a:lnTo>
                    <a:lnTo>
                      <a:pt x="9" y="151"/>
                    </a:lnTo>
                    <a:lnTo>
                      <a:pt x="0" y="110"/>
                    </a:lnTo>
                    <a:lnTo>
                      <a:pt x="51" y="87"/>
                    </a:lnTo>
                    <a:lnTo>
                      <a:pt x="51" y="23"/>
                    </a:lnTo>
                    <a:lnTo>
                      <a:pt x="51" y="0"/>
                    </a:lnTo>
                    <a:lnTo>
                      <a:pt x="74" y="0"/>
                    </a:lnTo>
                    <a:lnTo>
                      <a:pt x="74" y="0"/>
                    </a:lnTo>
                    <a:close/>
                    <a:moveTo>
                      <a:pt x="248" y="389"/>
                    </a:moveTo>
                    <a:lnTo>
                      <a:pt x="280" y="385"/>
                    </a:lnTo>
                    <a:lnTo>
                      <a:pt x="312" y="385"/>
                    </a:lnTo>
                    <a:lnTo>
                      <a:pt x="284" y="353"/>
                    </a:lnTo>
                    <a:lnTo>
                      <a:pt x="252" y="320"/>
                    </a:lnTo>
                    <a:lnTo>
                      <a:pt x="248" y="353"/>
                    </a:lnTo>
                    <a:lnTo>
                      <a:pt x="248" y="389"/>
                    </a:lnTo>
                    <a:lnTo>
                      <a:pt x="248" y="389"/>
                    </a:lnTo>
                    <a:close/>
                    <a:moveTo>
                      <a:pt x="477" y="105"/>
                    </a:moveTo>
                    <a:lnTo>
                      <a:pt x="280" y="298"/>
                    </a:lnTo>
                    <a:lnTo>
                      <a:pt x="339" y="357"/>
                    </a:lnTo>
                    <a:lnTo>
                      <a:pt x="537" y="169"/>
                    </a:lnTo>
                    <a:lnTo>
                      <a:pt x="477" y="105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10" name="矩形 9"/>
            <p:cNvSpPr/>
            <p:nvPr/>
          </p:nvSpPr>
          <p:spPr>
            <a:xfrm>
              <a:off x="2911895" y="3417024"/>
              <a:ext cx="1402080" cy="6400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lvl="0">
                <a:lnSpc>
                  <a:spcPct val="150000"/>
                </a:lnSpc>
                <a:defRPr/>
              </a:pPr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单击此处添加文本</a:t>
              </a:r>
            </a:p>
            <a:p>
              <a:pPr algn="ctr" lvl="0">
                <a:lnSpc>
                  <a:spcPct val="150000"/>
                </a:lnSpc>
                <a:defRPr/>
              </a:pPr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单击此处添加文本</a:t>
              </a: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6248323" y="2443981"/>
            <a:ext cx="1728192" cy="2371377"/>
            <a:chOff x="4724323" y="1691978"/>
            <a:chExt cx="1728192" cy="2371377"/>
          </a:xfrm>
        </p:grpSpPr>
        <p:grpSp>
          <p:nvGrpSpPr>
            <p:cNvPr id="16" name="组合 15"/>
            <p:cNvGrpSpPr/>
            <p:nvPr/>
          </p:nvGrpSpPr>
          <p:grpSpPr>
            <a:xfrm>
              <a:off x="4724323" y="1691978"/>
              <a:ext cx="1728192" cy="1552262"/>
              <a:chOff x="4799479" y="1691978"/>
              <a:chExt cx="1728192" cy="1552262"/>
            </a:xfrm>
          </p:grpSpPr>
          <p:grpSp>
            <p:nvGrpSpPr>
              <p:cNvPr id="18" name="组合 17"/>
              <p:cNvGrpSpPr/>
              <p:nvPr/>
            </p:nvGrpSpPr>
            <p:grpSpPr>
              <a:xfrm>
                <a:off x="4799479" y="1691978"/>
                <a:ext cx="1728192" cy="1552262"/>
                <a:chOff x="1237729" y="1779661"/>
                <a:chExt cx="1728192" cy="1552262"/>
              </a:xfrm>
            </p:grpSpPr>
            <p:sp>
              <p:nvSpPr>
                <p:cNvPr id="20" name="矩形 19"/>
                <p:cNvSpPr/>
                <p:nvPr/>
              </p:nvSpPr>
              <p:spPr>
                <a:xfrm>
                  <a:off x="1237729" y="1779661"/>
                  <a:ext cx="1728192" cy="1552262"/>
                </a:xfrm>
                <a:prstGeom prst="rect">
                  <a:avLst/>
                </a:prstGeom>
                <a:solidFill>
                  <a:schemeClr val="accent5">
                    <a:lumMod val="60000"/>
                    <a:lumOff val="4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  <a:prstTxWarp prst="textNoShape">
                    <a:avLst/>
                  </a:prstTxWarp>
                  <a:noAutofit/>
                </a:bodyPr>
                <a:lstStyle/>
                <a:p>
                  <a:pPr algn="ctr"/>
                  <a:endParaRPr altLang="en-US" lang="zh-CN"/>
                </a:p>
              </p:txBody>
            </p:sp>
            <p:sp>
              <p:nvSpPr>
                <p:cNvPr id="21" name="TextBox 20"/>
                <p:cNvSpPr txBox="1"/>
                <p:nvPr/>
              </p:nvSpPr>
              <p:spPr>
                <a:xfrm>
                  <a:off x="1583813" y="2869573"/>
                  <a:ext cx="830580" cy="365760"/>
                </a:xfrm>
                <a:prstGeom prst="rect">
                  <a:avLst/>
                </a:prstGeom>
                <a:noFill/>
              </p:spPr>
              <p:txBody>
                <a:bodyPr rtlCol="0" wrap="none">
                  <a:spAutoFit/>
                </a:bodyPr>
                <a:lstStyle/>
                <a:p>
                  <a:r>
                    <a:rPr altLang="zh-CN" lang="en-US">
                      <a:solidFill>
                        <a:schemeClr val="tx1">
                          <a:lumMod val="85000"/>
                          <a:lumOff val="15000"/>
                        </a:schemeClr>
                      </a:solidFill>
                      <a:latin charset="-120" pitchFamily="50" typeface="MStiffHeiHK-UltraBold"/>
                      <a:ea charset="-120" pitchFamily="50" typeface="MStiffHeiHK-UltraBold"/>
                    </a:rPr>
                    <a:t>Picture</a:t>
                  </a:r>
                </a:p>
              </p:txBody>
            </p:sp>
          </p:grpSp>
          <p:sp>
            <p:nvSpPr>
              <p:cNvPr id="19" name="Freeform 16"/>
              <p:cNvSpPr>
                <a:spLocks noEditPoints="1"/>
              </p:cNvSpPr>
              <p:nvPr/>
            </p:nvSpPr>
            <p:spPr bwMode="auto">
              <a:xfrm>
                <a:off x="5300855" y="1797985"/>
                <a:ext cx="747438" cy="920164"/>
              </a:xfrm>
              <a:custGeom>
                <a:gdLst>
                  <a:gd fmla="*/ 51 w 101" name="T0"/>
                  <a:gd fmla="*/ 49 h 124" name="T1"/>
                  <a:gd fmla="*/ 21 w 101" name="T2"/>
                  <a:gd fmla="*/ 41 h 124" name="T3"/>
                  <a:gd fmla="*/ 7 w 101" name="T4"/>
                  <a:gd fmla="*/ 79 h 124" name="T5"/>
                  <a:gd fmla="*/ 22 w 101" name="T6"/>
                  <a:gd fmla="*/ 104 h 124" name="T7"/>
                  <a:gd fmla="*/ 23 w 101" name="T8"/>
                  <a:gd fmla="*/ 112 h 124" name="T9"/>
                  <a:gd fmla="*/ 50 w 101" name="T10"/>
                  <a:gd fmla="*/ 119 h 124" name="T11"/>
                  <a:gd fmla="*/ 77 w 101" name="T12"/>
                  <a:gd fmla="*/ 112 h 124" name="T13"/>
                  <a:gd fmla="*/ 78 w 101" name="T14"/>
                  <a:gd fmla="*/ 104 h 124" name="T15"/>
                  <a:gd fmla="*/ 94 w 101" name="T16"/>
                  <a:gd fmla="*/ 79 h 124" name="T17"/>
                  <a:gd fmla="*/ 80 w 101" name="T18"/>
                  <a:gd fmla="*/ 41 h 124" name="T19"/>
                  <a:gd fmla="*/ 51 w 101" name="T20"/>
                  <a:gd fmla="*/ 49 h 124" name="T21"/>
                  <a:gd fmla="*/ 53 w 101" name="T22"/>
                  <a:gd fmla="*/ 18 h 124" name="T23"/>
                  <a:gd fmla="*/ 97 w 101" name="T24"/>
                  <a:gd fmla="*/ 15 h 124" name="T25"/>
                  <a:gd fmla="*/ 55 w 101" name="T26"/>
                  <a:gd fmla="*/ 27 h 124" name="T27"/>
                  <a:gd fmla="*/ 52 w 101" name="T28"/>
                  <a:gd fmla="*/ 45 h 124" name="T29"/>
                  <a:gd fmla="*/ 50 w 101" name="T30"/>
                  <a:gd fmla="*/ 45 h 124" name="T31"/>
                  <a:gd fmla="*/ 34 w 101" name="T32"/>
                  <a:gd fmla="*/ 14 h 124" name="T33"/>
                  <a:gd fmla="*/ 44 w 101" name="T34"/>
                  <a:gd fmla="*/ 6 h 124" name="T35"/>
                  <a:gd fmla="*/ 53 w 101" name="T36"/>
                  <a:gd fmla="*/ 18 h 124" name="T37"/>
                  <a:gd fmla="*/ 20 w 101" name="T38"/>
                  <a:gd fmla="*/ 79 h 124" name="T39"/>
                  <a:gd fmla="*/ 17 w 101" name="T40"/>
                  <a:gd fmla="*/ 61 h 124" name="T41"/>
                  <a:gd fmla="*/ 25 w 101" name="T42"/>
                  <a:gd fmla="*/ 61 h 124" name="T43"/>
                  <a:gd fmla="*/ 33 w 101" name="T44"/>
                  <a:gd fmla="*/ 75 h 124" name="T45"/>
                  <a:gd fmla="*/ 20 w 101" name="T46"/>
                  <a:gd fmla="*/ 79 h 124" name="T47"/>
                  <a:gd fmla="*/ 25 w 101" name="T48"/>
                  <a:gd fmla="*/ 58 h 124" name="T49"/>
                  <a:gd fmla="*/ 18 w 101" name="T50"/>
                  <a:gd fmla="*/ 58 h 124" name="T51"/>
                  <a:gd fmla="*/ 25 w 101" name="T52"/>
                  <a:gd fmla="*/ 51 h 124" name="T53"/>
                  <a:gd fmla="*/ 25 w 101" name="T54"/>
                  <a:gd fmla="*/ 58 h 124" name="T55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</a:cxnLst>
                <a:rect b="b" l="0" r="r" t="0"/>
                <a:pathLst>
                  <a:path h="124" w="100">
                    <a:moveTo>
                      <a:pt x="51" y="49"/>
                    </a:moveTo>
                    <a:cubicBezTo>
                      <a:pt x="46" y="45"/>
                      <a:pt x="33" y="36"/>
                      <a:pt x="21" y="41"/>
                    </a:cubicBezTo>
                    <a:cubicBezTo>
                      <a:pt x="5" y="46"/>
                      <a:pt x="0" y="64"/>
                      <a:pt x="7" y="79"/>
                    </a:cubicBezTo>
                    <a:cubicBezTo>
                      <a:pt x="15" y="93"/>
                      <a:pt x="20" y="100"/>
                      <a:pt x="22" y="104"/>
                    </a:cubicBezTo>
                    <a:cubicBezTo>
                      <a:pt x="23" y="106"/>
                      <a:pt x="23" y="109"/>
                      <a:pt x="23" y="112"/>
                    </a:cubicBezTo>
                    <a:cubicBezTo>
                      <a:pt x="25" y="122"/>
                      <a:pt x="44" y="124"/>
                      <a:pt x="50" y="119"/>
                    </a:cubicBezTo>
                    <a:cubicBezTo>
                      <a:pt x="56" y="124"/>
                      <a:pt x="75" y="122"/>
                      <a:pt x="77" y="112"/>
                    </a:cubicBezTo>
                    <a:cubicBezTo>
                      <a:pt x="77" y="109"/>
                      <a:pt x="77" y="106"/>
                      <a:pt x="78" y="104"/>
                    </a:cubicBezTo>
                    <a:cubicBezTo>
                      <a:pt x="80" y="100"/>
                      <a:pt x="86" y="93"/>
                      <a:pt x="94" y="79"/>
                    </a:cubicBezTo>
                    <a:cubicBezTo>
                      <a:pt x="101" y="64"/>
                      <a:pt x="96" y="46"/>
                      <a:pt x="80" y="41"/>
                    </a:cubicBezTo>
                    <a:cubicBezTo>
                      <a:pt x="68" y="36"/>
                      <a:pt x="55" y="45"/>
                      <a:pt x="51" y="49"/>
                    </a:cubicBezTo>
                    <a:close/>
                    <a:moveTo>
                      <a:pt x="53" y="18"/>
                    </a:moveTo>
                    <a:cubicBezTo>
                      <a:pt x="61" y="0"/>
                      <a:pt x="80" y="8"/>
                      <a:pt x="97" y="15"/>
                    </a:cubicBezTo>
                    <a:cubicBezTo>
                      <a:pt x="89" y="25"/>
                      <a:pt x="68" y="33"/>
                      <a:pt x="55" y="27"/>
                    </a:cubicBezTo>
                    <a:cubicBezTo>
                      <a:pt x="55" y="33"/>
                      <a:pt x="53" y="39"/>
                      <a:pt x="52" y="45"/>
                    </a:cubicBezTo>
                    <a:cubicBezTo>
                      <a:pt x="50" y="45"/>
                      <a:pt x="50" y="45"/>
                      <a:pt x="50" y="45"/>
                    </a:cubicBezTo>
                    <a:cubicBezTo>
                      <a:pt x="49" y="31"/>
                      <a:pt x="45" y="23"/>
                      <a:pt x="34" y="14"/>
                    </a:cubicBezTo>
                    <a:cubicBezTo>
                      <a:pt x="44" y="6"/>
                      <a:pt x="44" y="6"/>
                      <a:pt x="44" y="6"/>
                    </a:cubicBezTo>
                    <a:cubicBezTo>
                      <a:pt x="49" y="9"/>
                      <a:pt x="52" y="13"/>
                      <a:pt x="53" y="18"/>
                    </a:cubicBezTo>
                    <a:close/>
                    <a:moveTo>
                      <a:pt x="20" y="79"/>
                    </a:moveTo>
                    <a:cubicBezTo>
                      <a:pt x="17" y="73"/>
                      <a:pt x="16" y="67"/>
                      <a:pt x="17" y="61"/>
                    </a:cubicBezTo>
                    <a:cubicBezTo>
                      <a:pt x="25" y="61"/>
                      <a:pt x="25" y="61"/>
                      <a:pt x="25" y="61"/>
                    </a:cubicBezTo>
                    <a:cubicBezTo>
                      <a:pt x="27" y="66"/>
                      <a:pt x="30" y="71"/>
                      <a:pt x="33" y="75"/>
                    </a:cubicBezTo>
                    <a:cubicBezTo>
                      <a:pt x="20" y="79"/>
                      <a:pt x="20" y="79"/>
                      <a:pt x="20" y="79"/>
                    </a:cubicBezTo>
                    <a:close/>
                    <a:moveTo>
                      <a:pt x="25" y="58"/>
                    </a:moveTo>
                    <a:cubicBezTo>
                      <a:pt x="18" y="58"/>
                      <a:pt x="18" y="58"/>
                      <a:pt x="18" y="58"/>
                    </a:cubicBezTo>
                    <a:cubicBezTo>
                      <a:pt x="19" y="55"/>
                      <a:pt x="21" y="53"/>
                      <a:pt x="25" y="51"/>
                    </a:cubicBezTo>
                    <a:cubicBezTo>
                      <a:pt x="24" y="53"/>
                      <a:pt x="24" y="55"/>
                      <a:pt x="25" y="58"/>
                    </a:cubicBezTo>
                    <a:close/>
                  </a:path>
                </a:pathLst>
              </a:custGeom>
              <a:solidFill>
                <a:schemeClr val="tx1">
                  <a:lumMod val="95000"/>
                  <a:lumOff val="5000"/>
                </a:schemeClr>
              </a:solidFill>
              <a:ln>
                <a:noFill/>
              </a:ln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17" name="矩形 16"/>
            <p:cNvSpPr/>
            <p:nvPr/>
          </p:nvSpPr>
          <p:spPr>
            <a:xfrm>
              <a:off x="4865955" y="3417024"/>
              <a:ext cx="1402080" cy="6400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lvl="0">
                <a:lnSpc>
                  <a:spcPct val="150000"/>
                </a:lnSpc>
                <a:defRPr/>
              </a:pPr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单击此处添加文本</a:t>
              </a:r>
            </a:p>
            <a:p>
              <a:pPr algn="ctr" lvl="0">
                <a:lnSpc>
                  <a:spcPct val="150000"/>
                </a:lnSpc>
                <a:defRPr/>
              </a:pPr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单击此处添加文本</a:t>
              </a:r>
            </a:p>
          </p:txBody>
        </p:sp>
      </p:grpSp>
      <p:grpSp>
        <p:nvGrpSpPr>
          <p:cNvPr id="22" name="组合 21"/>
          <p:cNvGrpSpPr/>
          <p:nvPr/>
        </p:nvGrpSpPr>
        <p:grpSpPr>
          <a:xfrm>
            <a:off x="8215514" y="2443981"/>
            <a:ext cx="1728192" cy="2371377"/>
            <a:chOff x="6691514" y="1691978"/>
            <a:chExt cx="1728192" cy="2371377"/>
          </a:xfrm>
        </p:grpSpPr>
        <p:grpSp>
          <p:nvGrpSpPr>
            <p:cNvPr id="23" name="组合 22"/>
            <p:cNvGrpSpPr/>
            <p:nvPr/>
          </p:nvGrpSpPr>
          <p:grpSpPr>
            <a:xfrm>
              <a:off x="6691514" y="1691978"/>
              <a:ext cx="1728192" cy="1552262"/>
              <a:chOff x="6766670" y="1691978"/>
              <a:chExt cx="1728192" cy="1552262"/>
            </a:xfrm>
          </p:grpSpPr>
          <p:grpSp>
            <p:nvGrpSpPr>
              <p:cNvPr id="25" name="组合 24"/>
              <p:cNvGrpSpPr/>
              <p:nvPr/>
            </p:nvGrpSpPr>
            <p:grpSpPr>
              <a:xfrm>
                <a:off x="6766670" y="1691978"/>
                <a:ext cx="1728192" cy="1552262"/>
                <a:chOff x="1237729" y="1779661"/>
                <a:chExt cx="1728192" cy="1552262"/>
              </a:xfrm>
            </p:grpSpPr>
            <p:sp>
              <p:nvSpPr>
                <p:cNvPr id="27" name="矩形 26"/>
                <p:cNvSpPr/>
                <p:nvPr/>
              </p:nvSpPr>
              <p:spPr>
                <a:xfrm>
                  <a:off x="1237729" y="1779661"/>
                  <a:ext cx="1728192" cy="1552262"/>
                </a:xfrm>
                <a:prstGeom prst="rect">
                  <a:avLst/>
                </a:prstGeom>
                <a:solidFill>
                  <a:schemeClr val="accent5">
                    <a:lumMod val="60000"/>
                    <a:lumOff val="40000"/>
                  </a:schemeClr>
                </a:solidFill>
                <a:ln>
                  <a:noFill/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  <a:prstTxWarp prst="textNoShape">
                    <a:avLst/>
                  </a:prstTxWarp>
                  <a:noAutofit/>
                </a:bodyPr>
                <a:lstStyle/>
                <a:p>
                  <a:pPr algn="ctr"/>
                  <a:endParaRPr altLang="en-US" lang="zh-CN"/>
                </a:p>
              </p:txBody>
            </p:sp>
            <p:sp>
              <p:nvSpPr>
                <p:cNvPr id="28" name="TextBox 27"/>
                <p:cNvSpPr txBox="1"/>
                <p:nvPr/>
              </p:nvSpPr>
              <p:spPr>
                <a:xfrm>
                  <a:off x="1583813" y="2869573"/>
                  <a:ext cx="830580" cy="365760"/>
                </a:xfrm>
                <a:prstGeom prst="rect">
                  <a:avLst/>
                </a:prstGeom>
                <a:noFill/>
              </p:spPr>
              <p:txBody>
                <a:bodyPr rtlCol="0" wrap="none">
                  <a:spAutoFit/>
                </a:bodyPr>
                <a:lstStyle/>
                <a:p>
                  <a:r>
                    <a:rPr altLang="zh-CN" lang="en-US">
                      <a:solidFill>
                        <a:schemeClr val="tx1">
                          <a:lumMod val="85000"/>
                          <a:lumOff val="15000"/>
                        </a:schemeClr>
                      </a:solidFill>
                      <a:latin charset="-120" pitchFamily="50" typeface="MStiffHeiHK-UltraBold"/>
                      <a:ea charset="-120" pitchFamily="50" typeface="MStiffHeiHK-UltraBold"/>
                    </a:rPr>
                    <a:t>Picture</a:t>
                  </a:r>
                </a:p>
              </p:txBody>
            </p:sp>
          </p:grpSp>
          <p:sp>
            <p:nvSpPr>
              <p:cNvPr id="26" name="Freeform 21"/>
              <p:cNvSpPr>
                <a:spLocks noEditPoints="1"/>
              </p:cNvSpPr>
              <p:nvPr/>
            </p:nvSpPr>
            <p:spPr bwMode="auto">
              <a:xfrm>
                <a:off x="7227974" y="1874925"/>
                <a:ext cx="1035051" cy="836613"/>
              </a:xfrm>
              <a:custGeom>
                <a:gdLst>
                  <a:gd fmla="*/ 106 w 124" name="T0"/>
                  <a:gd fmla="*/ 77 h 100" name="T1"/>
                  <a:gd fmla="*/ 105 w 124" name="T2"/>
                  <a:gd fmla="*/ 68 h 100" name="T3"/>
                  <a:gd fmla="*/ 64 w 124" name="T4"/>
                  <a:gd fmla="*/ 41 h 100" name="T5"/>
                  <a:gd fmla="*/ 72 w 124" name="T6"/>
                  <a:gd fmla="*/ 0 h 100" name="T7"/>
                  <a:gd fmla="*/ 0 w 124" name="T8"/>
                  <a:gd fmla="*/ 89 h 100" name="T9"/>
                  <a:gd fmla="*/ 11 w 124" name="T10"/>
                  <a:gd fmla="*/ 73 h 100" name="T11"/>
                  <a:gd fmla="*/ 32 w 124" name="T12"/>
                  <a:gd fmla="*/ 46 h 100" name="T13"/>
                  <a:gd fmla="*/ 33 w 124" name="T14"/>
                  <a:gd fmla="*/ 46 h 100" name="T15"/>
                  <a:gd fmla="*/ 34 w 124" name="T16"/>
                  <a:gd fmla="*/ 45 h 100" name="T17"/>
                  <a:gd fmla="*/ 35 w 124" name="T18"/>
                  <a:gd fmla="*/ 45 h 100" name="T19"/>
                  <a:gd fmla="*/ 36 w 124" name="T20"/>
                  <a:gd fmla="*/ 45 h 100" name="T21"/>
                  <a:gd fmla="*/ 37 w 124" name="T22"/>
                  <a:gd fmla="*/ 45 h 100" name="T23"/>
                  <a:gd fmla="*/ 37 w 124" name="T24"/>
                  <a:gd fmla="*/ 45 h 100" name="T25"/>
                  <a:gd fmla="*/ 39 w 124" name="T26"/>
                  <a:gd fmla="*/ 45 h 100" name="T27"/>
                  <a:gd fmla="*/ 40 w 124" name="T28"/>
                  <a:gd fmla="*/ 45 h 100" name="T29"/>
                  <a:gd fmla="*/ 41 w 124" name="T30"/>
                  <a:gd fmla="*/ 45 h 100" name="T31"/>
                  <a:gd fmla="*/ 43 w 124" name="T32"/>
                  <a:gd fmla="*/ 45 h 100" name="T33"/>
                  <a:gd fmla="*/ 43 w 124" name="T34"/>
                  <a:gd fmla="*/ 45 h 100" name="T35"/>
                  <a:gd fmla="*/ 44 w 124" name="T36"/>
                  <a:gd fmla="*/ 45 h 100" name="T37"/>
                  <a:gd fmla="*/ 45 w 124" name="T38"/>
                  <a:gd fmla="*/ 45 h 100" name="T39"/>
                  <a:gd fmla="*/ 46 w 124" name="T40"/>
                  <a:gd fmla="*/ 45 h 100" name="T41"/>
                  <a:gd fmla="*/ 47 w 124" name="T42"/>
                  <a:gd fmla="*/ 45 h 100" name="T43"/>
                  <a:gd fmla="*/ 48 w 124" name="T44"/>
                  <a:gd fmla="*/ 46 h 100" name="T45"/>
                  <a:gd fmla="*/ 49 w 124" name="T46"/>
                  <a:gd fmla="*/ 46 h 100" name="T47"/>
                  <a:gd fmla="*/ 60 w 124" name="T48"/>
                  <a:gd fmla="*/ 95 h 100" name="T49"/>
                  <a:gd fmla="*/ 78 w 124" name="T50"/>
                  <a:gd fmla="*/ 52 h 100" name="T51"/>
                  <a:gd fmla="*/ 58 w 124" name="T52"/>
                  <a:gd fmla="*/ 37 h 100" name="T53"/>
                  <a:gd fmla="*/ 6 w 124" name="T54"/>
                  <a:gd fmla="*/ 46 h 100" name="T55"/>
                  <a:gd fmla="*/ 45 w 124" name="T56"/>
                  <a:gd fmla="*/ 64 h 100" name="T57"/>
                  <a:gd fmla="*/ 24 w 124" name="T58"/>
                  <a:gd fmla="*/ 74 h 100" name="T59"/>
                  <a:gd fmla="*/ 14 w 124" name="T60"/>
                  <a:gd fmla="*/ 73 h 100" name="T61"/>
                  <a:gd fmla="*/ 40 w 124" name="T62"/>
                  <a:gd fmla="*/ 47 h 100" name="T63"/>
                  <a:gd fmla="*/ 40 w 124" name="T64"/>
                  <a:gd fmla="*/ 94 h 100" name="T65"/>
                  <a:gd fmla="*/ 90 w 124" name="T66"/>
                  <a:gd fmla="*/ 17 h 100" name="T67"/>
                  <a:gd fmla="*/ 90 w 124" name="T68"/>
                  <a:gd fmla="*/ 17 h 100" name="T69"/>
                  <a:gd fmla="*/ 89 w 124" name="T70"/>
                  <a:gd fmla="*/ 17 h 100" name="T71"/>
                  <a:gd fmla="*/ 89 w 124" name="T72"/>
                  <a:gd fmla="*/ 17 h 100" name="T73"/>
                  <a:gd fmla="*/ 88 w 124" name="T74"/>
                  <a:gd fmla="*/ 17 h 100" name="T75"/>
                  <a:gd fmla="*/ 88 w 124" name="T76"/>
                  <a:gd fmla="*/ 17 h 100" name="T77"/>
                  <a:gd fmla="*/ 87 w 124" name="T78"/>
                  <a:gd fmla="*/ 17 h 100" name="T79"/>
                  <a:gd fmla="*/ 87 w 124" name="T80"/>
                  <a:gd fmla="*/ 18 h 100" name="T81"/>
                  <a:gd fmla="*/ 87 w 124" name="T82"/>
                  <a:gd fmla="*/ 18 h 100" name="T83"/>
                  <a:gd fmla="*/ 86 w 124" name="T84"/>
                  <a:gd fmla="*/ 18 h 100" name="T85"/>
                  <a:gd fmla="*/ 86 w 124" name="T86"/>
                  <a:gd fmla="*/ 18 h 100" name="T87"/>
                  <a:gd fmla="*/ 86 w 124" name="T88"/>
                  <a:gd fmla="*/ 18 h 100" name="T89"/>
                  <a:gd fmla="*/ 74 w 124" name="T90"/>
                  <a:gd fmla="*/ 36 h 100" name="T91"/>
                  <a:gd fmla="*/ 90 w 124" name="T92"/>
                  <a:gd fmla="*/ 17 h 100" name="T93"/>
                  <a:gd fmla="*/ 82 w 124" name="T94"/>
                  <a:gd fmla="*/ 27 h 100" name="T95"/>
                  <a:gd fmla="*/ 102 w 124" name="T96"/>
                  <a:gd fmla="*/ 31 h 100" name="T97"/>
                  <a:gd fmla="*/ 94 w 124" name="T98"/>
                  <a:gd fmla="*/ 29 h 100" name="T99"/>
                  <a:gd fmla="*/ 92 w 124" name="T100"/>
                  <a:gd fmla="*/ 28 h 100" name="T101"/>
                  <a:gd fmla="*/ 94 w 124" name="T102"/>
                  <a:gd fmla="*/ 32 h 100" name="T103"/>
                  <a:gd fmla="*/ 95 w 124" name="T104"/>
                  <a:gd fmla="*/ 31 h 100" name="T105"/>
                  <a:gd fmla="*/ 87 w 124" name="T106"/>
                  <a:gd fmla="*/ 32 h 100" name="T107"/>
                  <a:gd fmla="*/ 99 w 124" name="T108"/>
                  <a:gd fmla="*/ 61 h 100" name="T109"/>
                  <a:gd fmla="*/ 83 w 124" name="T110"/>
                  <a:gd fmla="*/ 52 h 100" name="T111"/>
                  <a:gd fmla="*/ 77 w 124" name="T112"/>
                  <a:gd fmla="*/ 42 h 100" name="T113"/>
                  <a:gd fmla="*/ 77 w 124" name="T114"/>
                  <a:gd fmla="*/ 42 h 100" name="T115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  <a:cxn ang="0">
                    <a:pos x="T106" y="T107"/>
                  </a:cxn>
                  <a:cxn ang="0">
                    <a:pos x="T108" y="T109"/>
                  </a:cxn>
                  <a:cxn ang="0">
                    <a:pos x="T110" y="T111"/>
                  </a:cxn>
                  <a:cxn ang="0">
                    <a:pos x="T112" y="T113"/>
                  </a:cxn>
                  <a:cxn ang="0">
                    <a:pos x="T114" y="T115"/>
                  </a:cxn>
                </a:cxnLst>
                <a:rect b="b" l="0" r="r" t="0"/>
                <a:pathLst>
                  <a:path h="100" w="124">
                    <a:moveTo>
                      <a:pt x="72" y="0"/>
                    </a:moveTo>
                    <a:cubicBezTo>
                      <a:pt x="124" y="14"/>
                      <a:pt x="124" y="14"/>
                      <a:pt x="124" y="14"/>
                    </a:cubicBezTo>
                    <a:cubicBezTo>
                      <a:pt x="106" y="77"/>
                      <a:pt x="106" y="77"/>
                      <a:pt x="106" y="77"/>
                    </a:cubicBezTo>
                    <a:cubicBezTo>
                      <a:pt x="83" y="71"/>
                      <a:pt x="83" y="71"/>
                      <a:pt x="83" y="71"/>
                    </a:cubicBezTo>
                    <a:cubicBezTo>
                      <a:pt x="83" y="62"/>
                      <a:pt x="83" y="62"/>
                      <a:pt x="83" y="62"/>
                    </a:cubicBezTo>
                    <a:cubicBezTo>
                      <a:pt x="105" y="68"/>
                      <a:pt x="105" y="68"/>
                      <a:pt x="105" y="68"/>
                    </a:cubicBezTo>
                    <a:cubicBezTo>
                      <a:pt x="119" y="17"/>
                      <a:pt x="119" y="17"/>
                      <a:pt x="119" y="17"/>
                    </a:cubicBezTo>
                    <a:cubicBezTo>
                      <a:pt x="74" y="5"/>
                      <a:pt x="74" y="5"/>
                      <a:pt x="74" y="5"/>
                    </a:cubicBezTo>
                    <a:cubicBezTo>
                      <a:pt x="64" y="41"/>
                      <a:pt x="64" y="41"/>
                      <a:pt x="64" y="41"/>
                    </a:cubicBezTo>
                    <a:cubicBezTo>
                      <a:pt x="64" y="41"/>
                      <a:pt x="64" y="41"/>
                      <a:pt x="64" y="41"/>
                    </a:cubicBezTo>
                    <a:cubicBezTo>
                      <a:pt x="63" y="34"/>
                      <a:pt x="63" y="34"/>
                      <a:pt x="63" y="34"/>
                    </a:cubicBezTo>
                    <a:cubicBezTo>
                      <a:pt x="72" y="0"/>
                      <a:pt x="72" y="0"/>
                      <a:pt x="72" y="0"/>
                    </a:cubicBezTo>
                    <a:close/>
                    <a:moveTo>
                      <a:pt x="6" y="46"/>
                    </a:moveTo>
                    <a:cubicBezTo>
                      <a:pt x="3" y="46"/>
                      <a:pt x="0" y="49"/>
                      <a:pt x="0" y="52"/>
                    </a:cubicBezTo>
                    <a:cubicBezTo>
                      <a:pt x="0" y="89"/>
                      <a:pt x="0" y="89"/>
                      <a:pt x="0" y="89"/>
                    </a:cubicBezTo>
                    <a:cubicBezTo>
                      <a:pt x="0" y="92"/>
                      <a:pt x="3" y="95"/>
                      <a:pt x="6" y="95"/>
                    </a:cubicBezTo>
                    <a:cubicBezTo>
                      <a:pt x="21" y="95"/>
                      <a:pt x="21" y="95"/>
                      <a:pt x="21" y="95"/>
                    </a:cubicBezTo>
                    <a:cubicBezTo>
                      <a:pt x="15" y="90"/>
                      <a:pt x="11" y="82"/>
                      <a:pt x="11" y="73"/>
                    </a:cubicBezTo>
                    <a:cubicBezTo>
                      <a:pt x="11" y="61"/>
                      <a:pt x="20" y="50"/>
                      <a:pt x="32" y="46"/>
                    </a:cubicBezTo>
                    <a:cubicBezTo>
                      <a:pt x="32" y="46"/>
                      <a:pt x="32" y="46"/>
                      <a:pt x="32" y="46"/>
                    </a:cubicBezTo>
                    <a:cubicBezTo>
                      <a:pt x="32" y="46"/>
                      <a:pt x="32" y="46"/>
                      <a:pt x="32" y="46"/>
                    </a:cubicBezTo>
                    <a:cubicBezTo>
                      <a:pt x="32" y="46"/>
                      <a:pt x="32" y="46"/>
                      <a:pt x="32" y="46"/>
                    </a:cubicBezTo>
                    <a:cubicBezTo>
                      <a:pt x="32" y="46"/>
                      <a:pt x="32" y="46"/>
                      <a:pt x="32" y="46"/>
                    </a:cubicBezTo>
                    <a:cubicBezTo>
                      <a:pt x="33" y="46"/>
                      <a:pt x="33" y="46"/>
                      <a:pt x="33" y="46"/>
                    </a:cubicBezTo>
                    <a:cubicBezTo>
                      <a:pt x="33" y="46"/>
                      <a:pt x="33" y="46"/>
                      <a:pt x="33" y="46"/>
                    </a:cubicBezTo>
                    <a:cubicBezTo>
                      <a:pt x="33" y="45"/>
                      <a:pt x="33" y="45"/>
                      <a:pt x="33" y="45"/>
                    </a:cubicBezTo>
                    <a:cubicBezTo>
                      <a:pt x="33" y="45"/>
                      <a:pt x="34" y="45"/>
                      <a:pt x="34" y="45"/>
                    </a:cubicBezTo>
                    <a:cubicBezTo>
                      <a:pt x="34" y="45"/>
                      <a:pt x="34" y="45"/>
                      <a:pt x="34" y="45"/>
                    </a:cubicBezTo>
                    <a:cubicBezTo>
                      <a:pt x="34" y="45"/>
                      <a:pt x="34" y="45"/>
                      <a:pt x="34" y="45"/>
                    </a:cubicBezTo>
                    <a:cubicBezTo>
                      <a:pt x="35" y="45"/>
                      <a:pt x="35" y="45"/>
                      <a:pt x="35" y="45"/>
                    </a:cubicBezTo>
                    <a:cubicBezTo>
                      <a:pt x="35" y="45"/>
                      <a:pt x="35" y="45"/>
                      <a:pt x="35" y="45"/>
                    </a:cubicBezTo>
                    <a:cubicBezTo>
                      <a:pt x="35" y="45"/>
                      <a:pt x="35" y="45"/>
                      <a:pt x="35" y="45"/>
                    </a:cubicBezTo>
                    <a:cubicBezTo>
                      <a:pt x="35" y="45"/>
                      <a:pt x="36" y="45"/>
                      <a:pt x="36" y="45"/>
                    </a:cubicBezTo>
                    <a:cubicBezTo>
                      <a:pt x="36" y="45"/>
                      <a:pt x="36" y="45"/>
                      <a:pt x="36" y="45"/>
                    </a:cubicBezTo>
                    <a:cubicBezTo>
                      <a:pt x="36" y="45"/>
                      <a:pt x="36" y="45"/>
                      <a:pt x="37" y="45"/>
                    </a:cubicBezTo>
                    <a:cubicBezTo>
                      <a:pt x="37" y="45"/>
                      <a:pt x="37" y="45"/>
                      <a:pt x="37" y="45"/>
                    </a:cubicBezTo>
                    <a:cubicBezTo>
                      <a:pt x="37" y="45"/>
                      <a:pt x="37" y="45"/>
                      <a:pt x="37" y="45"/>
                    </a:cubicBezTo>
                    <a:cubicBezTo>
                      <a:pt x="37" y="45"/>
                      <a:pt x="37" y="45"/>
                      <a:pt x="37" y="45"/>
                    </a:cubicBezTo>
                    <a:cubicBezTo>
                      <a:pt x="37" y="45"/>
                      <a:pt x="37" y="45"/>
                      <a:pt x="37" y="45"/>
                    </a:cubicBezTo>
                    <a:cubicBezTo>
                      <a:pt x="38" y="45"/>
                      <a:pt x="38" y="45"/>
                      <a:pt x="38" y="45"/>
                    </a:cubicBezTo>
                    <a:cubicBezTo>
                      <a:pt x="38" y="45"/>
                      <a:pt x="38" y="45"/>
                      <a:pt x="38" y="45"/>
                    </a:cubicBezTo>
                    <a:cubicBezTo>
                      <a:pt x="38" y="45"/>
                      <a:pt x="39" y="45"/>
                      <a:pt x="39" y="45"/>
                    </a:cubicBezTo>
                    <a:cubicBezTo>
                      <a:pt x="39" y="45"/>
                      <a:pt x="39" y="45"/>
                      <a:pt x="39" y="45"/>
                    </a:cubicBezTo>
                    <a:cubicBezTo>
                      <a:pt x="39" y="45"/>
                      <a:pt x="39" y="45"/>
                      <a:pt x="40" y="45"/>
                    </a:cubicBezTo>
                    <a:cubicBezTo>
                      <a:pt x="40" y="45"/>
                      <a:pt x="40" y="45"/>
                      <a:pt x="40" y="45"/>
                    </a:cubicBezTo>
                    <a:cubicBezTo>
                      <a:pt x="40" y="45"/>
                      <a:pt x="40" y="45"/>
                      <a:pt x="40" y="45"/>
                    </a:cubicBezTo>
                    <a:cubicBezTo>
                      <a:pt x="41" y="45"/>
                      <a:pt x="41" y="45"/>
                      <a:pt x="41" y="45"/>
                    </a:cubicBezTo>
                    <a:cubicBezTo>
                      <a:pt x="41" y="45"/>
                      <a:pt x="41" y="45"/>
                      <a:pt x="41" y="45"/>
                    </a:cubicBezTo>
                    <a:cubicBezTo>
                      <a:pt x="41" y="45"/>
                      <a:pt x="42" y="45"/>
                      <a:pt x="42" y="45"/>
                    </a:cubicBezTo>
                    <a:cubicBezTo>
                      <a:pt x="42" y="45"/>
                      <a:pt x="42" y="45"/>
                      <a:pt x="42" y="45"/>
                    </a:cubicBezTo>
                    <a:cubicBezTo>
                      <a:pt x="42" y="45"/>
                      <a:pt x="42" y="45"/>
                      <a:pt x="43" y="45"/>
                    </a:cubicBezTo>
                    <a:cubicBezTo>
                      <a:pt x="43" y="45"/>
                      <a:pt x="43" y="45"/>
                      <a:pt x="43" y="45"/>
                    </a:cubicBezTo>
                    <a:cubicBezTo>
                      <a:pt x="43" y="45"/>
                      <a:pt x="43" y="45"/>
                      <a:pt x="43" y="45"/>
                    </a:cubicBezTo>
                    <a:cubicBezTo>
                      <a:pt x="43" y="45"/>
                      <a:pt x="43" y="45"/>
                      <a:pt x="43" y="45"/>
                    </a:cubicBezTo>
                    <a:cubicBezTo>
                      <a:pt x="43" y="45"/>
                      <a:pt x="43" y="45"/>
                      <a:pt x="43" y="45"/>
                    </a:cubicBezTo>
                    <a:cubicBezTo>
                      <a:pt x="44" y="45"/>
                      <a:pt x="44" y="45"/>
                      <a:pt x="44" y="45"/>
                    </a:cubicBezTo>
                    <a:cubicBezTo>
                      <a:pt x="44" y="45"/>
                      <a:pt x="44" y="45"/>
                      <a:pt x="44" y="45"/>
                    </a:cubicBezTo>
                    <a:cubicBezTo>
                      <a:pt x="44" y="45"/>
                      <a:pt x="44" y="45"/>
                      <a:pt x="45" y="45"/>
                    </a:cubicBezTo>
                    <a:cubicBezTo>
                      <a:pt x="45" y="45"/>
                      <a:pt x="45" y="45"/>
                      <a:pt x="45" y="45"/>
                    </a:cubicBezTo>
                    <a:cubicBezTo>
                      <a:pt x="45" y="45"/>
                      <a:pt x="45" y="45"/>
                      <a:pt x="45" y="45"/>
                    </a:cubicBezTo>
                    <a:cubicBezTo>
                      <a:pt x="45" y="45"/>
                      <a:pt x="45" y="45"/>
                      <a:pt x="45" y="45"/>
                    </a:cubicBezTo>
                    <a:cubicBezTo>
                      <a:pt x="46" y="45"/>
                      <a:pt x="46" y="45"/>
                      <a:pt x="46" y="45"/>
                    </a:cubicBezTo>
                    <a:cubicBezTo>
                      <a:pt x="46" y="45"/>
                      <a:pt x="46" y="45"/>
                      <a:pt x="46" y="45"/>
                    </a:cubicBezTo>
                    <a:cubicBezTo>
                      <a:pt x="46" y="45"/>
                      <a:pt x="47" y="45"/>
                      <a:pt x="47" y="45"/>
                    </a:cubicBezTo>
                    <a:cubicBezTo>
                      <a:pt x="47" y="45"/>
                      <a:pt x="47" y="45"/>
                      <a:pt x="47" y="45"/>
                    </a:cubicBezTo>
                    <a:cubicBezTo>
                      <a:pt x="47" y="45"/>
                      <a:pt x="47" y="45"/>
                      <a:pt x="47" y="45"/>
                    </a:cubicBezTo>
                    <a:cubicBezTo>
                      <a:pt x="48" y="46"/>
                      <a:pt x="48" y="46"/>
                      <a:pt x="48" y="46"/>
                    </a:cubicBezTo>
                    <a:cubicBezTo>
                      <a:pt x="48" y="46"/>
                      <a:pt x="48" y="46"/>
                      <a:pt x="48" y="46"/>
                    </a:cubicBezTo>
                    <a:cubicBezTo>
                      <a:pt x="48" y="46"/>
                      <a:pt x="48" y="46"/>
                      <a:pt x="48" y="46"/>
                    </a:cubicBezTo>
                    <a:cubicBezTo>
                      <a:pt x="48" y="46"/>
                      <a:pt x="49" y="46"/>
                      <a:pt x="49" y="46"/>
                    </a:cubicBezTo>
                    <a:cubicBezTo>
                      <a:pt x="49" y="46"/>
                      <a:pt x="49" y="46"/>
                      <a:pt x="49" y="46"/>
                    </a:cubicBezTo>
                    <a:cubicBezTo>
                      <a:pt x="49" y="46"/>
                      <a:pt x="49" y="46"/>
                      <a:pt x="49" y="46"/>
                    </a:cubicBezTo>
                    <a:cubicBezTo>
                      <a:pt x="49" y="46"/>
                      <a:pt x="49" y="46"/>
                      <a:pt x="49" y="46"/>
                    </a:cubicBezTo>
                    <a:cubicBezTo>
                      <a:pt x="61" y="50"/>
                      <a:pt x="69" y="61"/>
                      <a:pt x="69" y="73"/>
                    </a:cubicBezTo>
                    <a:cubicBezTo>
                      <a:pt x="69" y="82"/>
                      <a:pt x="66" y="90"/>
                      <a:pt x="60" y="95"/>
                    </a:cubicBezTo>
                    <a:cubicBezTo>
                      <a:pt x="72" y="95"/>
                      <a:pt x="72" y="95"/>
                      <a:pt x="72" y="95"/>
                    </a:cubicBezTo>
                    <a:cubicBezTo>
                      <a:pt x="75" y="95"/>
                      <a:pt x="78" y="92"/>
                      <a:pt x="78" y="89"/>
                    </a:cubicBezTo>
                    <a:cubicBezTo>
                      <a:pt x="78" y="52"/>
                      <a:pt x="78" y="52"/>
                      <a:pt x="78" y="52"/>
                    </a:cubicBezTo>
                    <a:cubicBezTo>
                      <a:pt x="78" y="49"/>
                      <a:pt x="75" y="46"/>
                      <a:pt x="72" y="46"/>
                    </a:cubicBezTo>
                    <a:cubicBezTo>
                      <a:pt x="60" y="46"/>
                      <a:pt x="60" y="46"/>
                      <a:pt x="60" y="46"/>
                    </a:cubicBezTo>
                    <a:cubicBezTo>
                      <a:pt x="58" y="37"/>
                      <a:pt x="58" y="37"/>
                      <a:pt x="58" y="37"/>
                    </a:cubicBezTo>
                    <a:cubicBezTo>
                      <a:pt x="22" y="37"/>
                      <a:pt x="22" y="37"/>
                      <a:pt x="22" y="37"/>
                    </a:cubicBezTo>
                    <a:cubicBezTo>
                      <a:pt x="20" y="46"/>
                      <a:pt x="20" y="46"/>
                      <a:pt x="20" y="46"/>
                    </a:cubicBezTo>
                    <a:cubicBezTo>
                      <a:pt x="6" y="46"/>
                      <a:pt x="6" y="46"/>
                      <a:pt x="6" y="46"/>
                    </a:cubicBezTo>
                    <a:close/>
                    <a:moveTo>
                      <a:pt x="41" y="57"/>
                    </a:moveTo>
                    <a:cubicBezTo>
                      <a:pt x="48" y="57"/>
                      <a:pt x="54" y="62"/>
                      <a:pt x="56" y="68"/>
                    </a:cubicBezTo>
                    <a:cubicBezTo>
                      <a:pt x="53" y="66"/>
                      <a:pt x="49" y="64"/>
                      <a:pt x="45" y="64"/>
                    </a:cubicBezTo>
                    <a:cubicBezTo>
                      <a:pt x="34" y="64"/>
                      <a:pt x="26" y="72"/>
                      <a:pt x="26" y="81"/>
                    </a:cubicBezTo>
                    <a:cubicBezTo>
                      <a:pt x="26" y="81"/>
                      <a:pt x="26" y="82"/>
                      <a:pt x="26" y="82"/>
                    </a:cubicBezTo>
                    <a:cubicBezTo>
                      <a:pt x="25" y="79"/>
                      <a:pt x="24" y="77"/>
                      <a:pt x="24" y="74"/>
                    </a:cubicBezTo>
                    <a:cubicBezTo>
                      <a:pt x="24" y="65"/>
                      <a:pt x="31" y="57"/>
                      <a:pt x="41" y="57"/>
                    </a:cubicBezTo>
                    <a:close/>
                    <a:moveTo>
                      <a:pt x="40" y="47"/>
                    </a:moveTo>
                    <a:cubicBezTo>
                      <a:pt x="26" y="47"/>
                      <a:pt x="14" y="59"/>
                      <a:pt x="14" y="73"/>
                    </a:cubicBezTo>
                    <a:cubicBezTo>
                      <a:pt x="14" y="88"/>
                      <a:pt x="26" y="100"/>
                      <a:pt x="40" y="100"/>
                    </a:cubicBezTo>
                    <a:cubicBezTo>
                      <a:pt x="55" y="100"/>
                      <a:pt x="67" y="88"/>
                      <a:pt x="67" y="73"/>
                    </a:cubicBezTo>
                    <a:cubicBezTo>
                      <a:pt x="67" y="59"/>
                      <a:pt x="55" y="47"/>
                      <a:pt x="40" y="47"/>
                    </a:cubicBezTo>
                    <a:close/>
                    <a:moveTo>
                      <a:pt x="40" y="53"/>
                    </a:moveTo>
                    <a:cubicBezTo>
                      <a:pt x="52" y="53"/>
                      <a:pt x="61" y="62"/>
                      <a:pt x="61" y="73"/>
                    </a:cubicBezTo>
                    <a:cubicBezTo>
                      <a:pt x="61" y="85"/>
                      <a:pt x="52" y="94"/>
                      <a:pt x="40" y="94"/>
                    </a:cubicBezTo>
                    <a:cubicBezTo>
                      <a:pt x="29" y="94"/>
                      <a:pt x="20" y="85"/>
                      <a:pt x="20" y="73"/>
                    </a:cubicBezTo>
                    <a:cubicBezTo>
                      <a:pt x="20" y="62"/>
                      <a:pt x="29" y="53"/>
                      <a:pt x="40" y="53"/>
                    </a:cubicBezTo>
                    <a:close/>
                    <a:moveTo>
                      <a:pt x="90" y="17"/>
                    </a:moveTo>
                    <a:cubicBezTo>
                      <a:pt x="90" y="17"/>
                      <a:pt x="90" y="17"/>
                      <a:pt x="90" y="17"/>
                    </a:cubicBezTo>
                    <a:cubicBezTo>
                      <a:pt x="90" y="17"/>
                      <a:pt x="90" y="17"/>
                      <a:pt x="90" y="17"/>
                    </a:cubicBezTo>
                    <a:cubicBezTo>
                      <a:pt x="90" y="17"/>
                      <a:pt x="90" y="17"/>
                      <a:pt x="90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9" y="17"/>
                      <a:pt x="89" y="17"/>
                      <a:pt x="89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8" y="17"/>
                      <a:pt x="88" y="17"/>
                      <a:pt x="88" y="17"/>
                    </a:cubicBezTo>
                    <a:cubicBezTo>
                      <a:pt x="87" y="17"/>
                      <a:pt x="87" y="17"/>
                      <a:pt x="87" y="17"/>
                    </a:cubicBezTo>
                    <a:cubicBezTo>
                      <a:pt x="87" y="17"/>
                      <a:pt x="87" y="17"/>
                      <a:pt x="87" y="17"/>
                    </a:cubicBezTo>
                    <a:cubicBezTo>
                      <a:pt x="87" y="17"/>
                      <a:pt x="87" y="17"/>
                      <a:pt x="87" y="17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7" y="18"/>
                      <a:pt x="87" y="18"/>
                      <a:pt x="87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6" y="18"/>
                      <a:pt x="86" y="18"/>
                      <a:pt x="86" y="18"/>
                    </a:cubicBezTo>
                    <a:cubicBezTo>
                      <a:pt x="83" y="19"/>
                      <a:pt x="81" y="21"/>
                      <a:pt x="80" y="24"/>
                    </a:cubicBezTo>
                    <a:cubicBezTo>
                      <a:pt x="80" y="24"/>
                      <a:pt x="80" y="24"/>
                      <a:pt x="80" y="24"/>
                    </a:cubicBezTo>
                    <a:cubicBezTo>
                      <a:pt x="78" y="28"/>
                      <a:pt x="81" y="35"/>
                      <a:pt x="74" y="36"/>
                    </a:cubicBezTo>
                    <a:cubicBezTo>
                      <a:pt x="103" y="44"/>
                      <a:pt x="103" y="44"/>
                      <a:pt x="103" y="44"/>
                    </a:cubicBezTo>
                    <a:cubicBezTo>
                      <a:pt x="107" y="37"/>
                      <a:pt x="109" y="20"/>
                      <a:pt x="95" y="17"/>
                    </a:cubicBezTo>
                    <a:cubicBezTo>
                      <a:pt x="94" y="17"/>
                      <a:pt x="92" y="16"/>
                      <a:pt x="90" y="17"/>
                    </a:cubicBezTo>
                    <a:close/>
                    <a:moveTo>
                      <a:pt x="83" y="26"/>
                    </a:moveTo>
                    <a:cubicBezTo>
                      <a:pt x="83" y="26"/>
                      <a:pt x="83" y="25"/>
                      <a:pt x="83" y="25"/>
                    </a:cubicBezTo>
                    <a:cubicBezTo>
                      <a:pt x="83" y="25"/>
                      <a:pt x="82" y="26"/>
                      <a:pt x="82" y="27"/>
                    </a:cubicBezTo>
                    <a:cubicBezTo>
                      <a:pt x="81" y="32"/>
                      <a:pt x="84" y="38"/>
                      <a:pt x="89" y="39"/>
                    </a:cubicBezTo>
                    <a:cubicBezTo>
                      <a:pt x="94" y="41"/>
                      <a:pt x="100" y="38"/>
                      <a:pt x="101" y="32"/>
                    </a:cubicBezTo>
                    <a:cubicBezTo>
                      <a:pt x="101" y="32"/>
                      <a:pt x="102" y="31"/>
                      <a:pt x="102" y="31"/>
                    </a:cubicBezTo>
                    <a:cubicBezTo>
                      <a:pt x="96" y="29"/>
                      <a:pt x="96" y="29"/>
                      <a:pt x="96" y="29"/>
                    </a:cubicBezTo>
                    <a:cubicBezTo>
                      <a:pt x="95" y="26"/>
                      <a:pt x="95" y="26"/>
                      <a:pt x="95" y="26"/>
                    </a:cubicBezTo>
                    <a:cubicBezTo>
                      <a:pt x="94" y="29"/>
                      <a:pt x="94" y="29"/>
                      <a:pt x="94" y="29"/>
                    </a:cubicBezTo>
                    <a:cubicBezTo>
                      <a:pt x="93" y="29"/>
                      <a:pt x="93" y="29"/>
                      <a:pt x="93" y="29"/>
                    </a:cubicBezTo>
                    <a:cubicBezTo>
                      <a:pt x="95" y="23"/>
                      <a:pt x="95" y="23"/>
                      <a:pt x="95" y="23"/>
                    </a:cubicBezTo>
                    <a:cubicBezTo>
                      <a:pt x="92" y="28"/>
                      <a:pt x="92" y="28"/>
                      <a:pt x="92" y="28"/>
                    </a:cubicBezTo>
                    <a:cubicBezTo>
                      <a:pt x="83" y="26"/>
                      <a:pt x="83" y="26"/>
                      <a:pt x="83" y="26"/>
                    </a:cubicBezTo>
                    <a:close/>
                    <a:moveTo>
                      <a:pt x="95" y="31"/>
                    </a:moveTo>
                    <a:cubicBezTo>
                      <a:pt x="95" y="31"/>
                      <a:pt x="94" y="32"/>
                      <a:pt x="94" y="32"/>
                    </a:cubicBezTo>
                    <a:cubicBezTo>
                      <a:pt x="93" y="33"/>
                      <a:pt x="94" y="34"/>
                      <a:pt x="95" y="34"/>
                    </a:cubicBezTo>
                    <a:cubicBezTo>
                      <a:pt x="95" y="34"/>
                      <a:pt x="96" y="34"/>
                      <a:pt x="96" y="33"/>
                    </a:cubicBezTo>
                    <a:cubicBezTo>
                      <a:pt x="96" y="32"/>
                      <a:pt x="96" y="32"/>
                      <a:pt x="95" y="31"/>
                    </a:cubicBezTo>
                    <a:close/>
                    <a:moveTo>
                      <a:pt x="88" y="29"/>
                    </a:moveTo>
                    <a:cubicBezTo>
                      <a:pt x="87" y="29"/>
                      <a:pt x="86" y="29"/>
                      <a:pt x="86" y="30"/>
                    </a:cubicBezTo>
                    <a:cubicBezTo>
                      <a:pt x="86" y="31"/>
                      <a:pt x="86" y="32"/>
                      <a:pt x="87" y="32"/>
                    </a:cubicBezTo>
                    <a:cubicBezTo>
                      <a:pt x="88" y="32"/>
                      <a:pt x="88" y="32"/>
                      <a:pt x="88" y="31"/>
                    </a:cubicBezTo>
                    <a:cubicBezTo>
                      <a:pt x="89" y="30"/>
                      <a:pt x="88" y="29"/>
                      <a:pt x="88" y="29"/>
                    </a:cubicBezTo>
                    <a:close/>
                    <a:moveTo>
                      <a:pt x="99" y="61"/>
                    </a:moveTo>
                    <a:cubicBezTo>
                      <a:pt x="101" y="53"/>
                      <a:pt x="98" y="46"/>
                      <a:pt x="93" y="42"/>
                    </a:cubicBezTo>
                    <a:cubicBezTo>
                      <a:pt x="83" y="50"/>
                      <a:pt x="83" y="50"/>
                      <a:pt x="83" y="50"/>
                    </a:cubicBezTo>
                    <a:cubicBezTo>
                      <a:pt x="83" y="51"/>
                      <a:pt x="83" y="51"/>
                      <a:pt x="83" y="52"/>
                    </a:cubicBezTo>
                    <a:cubicBezTo>
                      <a:pt x="83" y="56"/>
                      <a:pt x="83" y="56"/>
                      <a:pt x="83" y="56"/>
                    </a:cubicBezTo>
                    <a:cubicBezTo>
                      <a:pt x="99" y="61"/>
                      <a:pt x="99" y="61"/>
                      <a:pt x="99" y="61"/>
                    </a:cubicBezTo>
                    <a:close/>
                    <a:moveTo>
                      <a:pt x="77" y="42"/>
                    </a:moveTo>
                    <a:cubicBezTo>
                      <a:pt x="79" y="43"/>
                      <a:pt x="81" y="45"/>
                      <a:pt x="82" y="47"/>
                    </a:cubicBezTo>
                    <a:cubicBezTo>
                      <a:pt x="84" y="40"/>
                      <a:pt x="84" y="40"/>
                      <a:pt x="84" y="40"/>
                    </a:cubicBezTo>
                    <a:cubicBezTo>
                      <a:pt x="81" y="40"/>
                      <a:pt x="79" y="41"/>
                      <a:pt x="77" y="42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24" name="矩形 23"/>
            <p:cNvSpPr/>
            <p:nvPr/>
          </p:nvSpPr>
          <p:spPr>
            <a:xfrm>
              <a:off x="6845066" y="3417024"/>
              <a:ext cx="1402080" cy="6400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 lvl="0">
                <a:lnSpc>
                  <a:spcPct val="150000"/>
                </a:lnSpc>
                <a:defRPr/>
              </a:pPr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单击此处添加文本</a:t>
              </a:r>
            </a:p>
            <a:p>
              <a:pPr algn="ctr" lvl="0">
                <a:lnSpc>
                  <a:spcPct val="150000"/>
                </a:lnSpc>
                <a:defRPr/>
              </a:pPr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单击此处添加文本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52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decel="50000" dur="1000" fill="hold" id="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C -0.37517 0.88508 -0.02552 0.75279 0.0908 0.66613 C 0.20747 0.57948 0.21649 0.50394 0.23177 0.40825 C 0.24705 0.31256 0.22118 0.15964 0.18264 0.09152 C 0.1441 0.02341 0.03802 0 0 0" pathEditMode="relative" ptsTypes="">
                                      <p:cBhvr>
                                        <p:cTn decel="50000" dur="1000" fill="hold" id="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filter="fade" transition="in">
                                      <p:cBhvr>
                                        <p:cTn dur="1000" id="9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52" presetSubtype="0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decel="50000" dur="1000" fill="hold" id="1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C -0.37517 0.88508 -0.02552 0.75279 0.0908 0.66613 C 0.20747 0.57948 0.21649 0.50394 0.23177 0.40825 C 0.24705 0.31256 0.22118 0.15964 0.18264 0.09152 C 0.1441 0.02341 0.03802 0 0 0" pathEditMode="relative" ptsTypes="">
                                      <p:cBhvr>
                                        <p:cTn decel="50000" dur="1000" fill="hold" id="1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filter="fade" transition="in">
                                      <p:cBhvr>
                                        <p:cTn dur="1000" id="14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5" nodeType="withEffect" presetClass="entr" presetID="52" presetSubtype="0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dur="1" fill="hold" id="1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decel="50000" dur="1000" fill="hold" id="1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C -0.37517 0.88508 -0.02552 0.75279 0.0908 0.66613 C 0.20747 0.57948 0.21649 0.50394 0.23177 0.40825 C 0.24705 0.31256 0.22118 0.15964 0.18264 0.09152 C 0.1441 0.02341 0.03802 0 0 0" pathEditMode="relative" ptsTypes="">
                                      <p:cBhvr>
                                        <p:cTn decel="50000" dur="1000" fill="hold" id="1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filter="fade" transition="in">
                                      <p:cBhvr>
                                        <p:cTn dur="1000" id="19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20" nodeType="withEffect" presetClass="entr" presetID="52" presetSubtype="0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dur="1" fill="hold" id="2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decel="50000" dur="1000" fill="hold" id="2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C -0.37517 0.88508 -0.02552 0.75279 0.0908 0.66613 C 0.20747 0.57948 0.21649 0.50394 0.23177 0.40825 C 0.24705 0.31256 0.22118 0.15964 0.18264 0.09152 C 0.1441 0.02341 0.03802 0 0 0" pathEditMode="relative" ptsTypes="">
                                      <p:cBhvr>
                                        <p:cTn decel="50000" dur="1000" fill="hold" id="2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filter="fade" transition="in">
                                      <p:cBhvr>
                                        <p:cTn dur="1000" id="24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矩形 1"/>
          <p:cNvSpPr/>
          <p:nvPr/>
        </p:nvSpPr>
        <p:spPr>
          <a:xfrm>
            <a:off x="1524000" y="3337361"/>
            <a:ext cx="9144000" cy="2221466"/>
          </a:xfrm>
          <a:prstGeom prst="rect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3" name="矩形 2"/>
          <p:cNvSpPr/>
          <p:nvPr/>
        </p:nvSpPr>
        <p:spPr>
          <a:xfrm>
            <a:off x="1720683" y="952272"/>
            <a:ext cx="5669280" cy="914400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/>
          <a:p>
            <a:r>
              <a:rPr altLang="zh-CN" lang="en-US" sz="5400">
                <a:solidFill>
                  <a:schemeClr val="tx1">
                    <a:lumMod val="75000"/>
                    <a:lumOff val="25000"/>
                  </a:schemeClr>
                </a:solidFill>
                <a:latin charset="-122" pitchFamily="65" typeface="方正粗宋简体"/>
                <a:ea charset="-122" pitchFamily="65" typeface="方正粗宋简体"/>
              </a:rPr>
              <a:t>POWER POINT 模板</a:t>
            </a:r>
          </a:p>
        </p:txBody>
      </p:sp>
      <p:grpSp>
        <p:nvGrpSpPr>
          <p:cNvPr id="4" name="组合 3"/>
          <p:cNvGrpSpPr/>
          <p:nvPr/>
        </p:nvGrpSpPr>
        <p:grpSpPr>
          <a:xfrm>
            <a:off x="1929457" y="2760444"/>
            <a:ext cx="3199518" cy="3199518"/>
            <a:chOff x="2031873" y="2124516"/>
            <a:chExt cx="4381500" cy="4381500"/>
          </a:xfrm>
        </p:grpSpPr>
        <p:sp>
          <p:nvSpPr>
            <p:cNvPr id="5" name="椭圆 4"/>
            <p:cNvSpPr/>
            <p:nvPr/>
          </p:nvSpPr>
          <p:spPr>
            <a:xfrm>
              <a:off x="2031873" y="2124516"/>
              <a:ext cx="4381500" cy="4381500"/>
            </a:xfrm>
            <a:prstGeom prst="ellipse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6" name="椭圆 5"/>
            <p:cNvSpPr/>
            <p:nvPr/>
          </p:nvSpPr>
          <p:spPr>
            <a:xfrm>
              <a:off x="2176043" y="2268686"/>
              <a:ext cx="4093159" cy="4093159"/>
            </a:xfrm>
            <a:prstGeom prst="ellipse">
              <a:avLst/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grpSp>
          <p:nvGrpSpPr>
            <p:cNvPr id="7" name="组合 6"/>
            <p:cNvGrpSpPr/>
            <p:nvPr/>
          </p:nvGrpSpPr>
          <p:grpSpPr>
            <a:xfrm>
              <a:off x="2244725" y="2331989"/>
              <a:ext cx="3946728" cy="3952893"/>
              <a:chOff x="8325448" y="1924103"/>
              <a:chExt cx="3946728" cy="3952893"/>
            </a:xfrm>
          </p:grpSpPr>
          <p:sp>
            <p:nvSpPr>
              <p:cNvPr id="12" name="椭圆 45"/>
              <p:cNvSpPr/>
              <p:nvPr/>
            </p:nvSpPr>
            <p:spPr>
              <a:xfrm>
                <a:off x="8904119" y="1924103"/>
                <a:ext cx="1372443" cy="1946223"/>
              </a:xfrm>
              <a:custGeom>
                <a:gdLst>
                  <a:gd fmla="*/ 1372443 w 1372443" name="connsiteX0"/>
                  <a:gd fmla="*/ 0 h 1946223" name="connsiteY0"/>
                  <a:gd fmla="*/ 1366371 w 1372443" name="connsiteX1"/>
                  <a:gd fmla="*/ 1946223 h 1946223" name="connsiteY1"/>
                  <a:gd fmla="*/ 0 w 1372443" name="connsiteX2"/>
                  <a:gd fmla="*/ 564095 h 1946223" name="connsiteY2"/>
                  <a:gd fmla="*/ 1372443 w 1372443" name="connsiteX3"/>
                  <a:gd fmla="*/ 0 h 1946223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946223" w="137244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rgbClr val="00B0F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  <p:sp>
            <p:nvSpPr>
              <p:cNvPr id="13" name="椭圆 45"/>
              <p:cNvSpPr/>
              <p:nvPr/>
            </p:nvSpPr>
            <p:spPr>
              <a:xfrm rot="2700000">
                <a:off x="9822545" y="1724457"/>
                <a:ext cx="1372443" cy="1946223"/>
              </a:xfrm>
              <a:custGeom>
                <a:gdLst>
                  <a:gd fmla="*/ 1372443 w 1372443" name="connsiteX0"/>
                  <a:gd fmla="*/ 0 h 1946223" name="connsiteY0"/>
                  <a:gd fmla="*/ 1366371 w 1372443" name="connsiteX1"/>
                  <a:gd fmla="*/ 1946223 h 1946223" name="connsiteY1"/>
                  <a:gd fmla="*/ 0 w 1372443" name="connsiteX2"/>
                  <a:gd fmla="*/ 564095 h 1946223" name="connsiteY2"/>
                  <a:gd fmla="*/ 1372443 w 1372443" name="connsiteX3"/>
                  <a:gd fmla="*/ 0 h 1946223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946223" w="137244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chemeClr val="tx1">
                  <a:lumMod val="50000"/>
                  <a:lumOff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14" name="椭圆 45"/>
              <p:cNvSpPr/>
              <p:nvPr/>
            </p:nvSpPr>
            <p:spPr>
              <a:xfrm rot="10800000">
                <a:off x="10325250" y="3930773"/>
                <a:ext cx="1372443" cy="1946223"/>
              </a:xfrm>
              <a:custGeom>
                <a:gdLst>
                  <a:gd fmla="*/ 1372443 w 1372443" name="connsiteX0"/>
                  <a:gd fmla="*/ 0 h 1946223" name="connsiteY0"/>
                  <a:gd fmla="*/ 1366371 w 1372443" name="connsiteX1"/>
                  <a:gd fmla="*/ 1946223 h 1946223" name="connsiteY1"/>
                  <a:gd fmla="*/ 0 w 1372443" name="connsiteX2"/>
                  <a:gd fmla="*/ 564095 h 1946223" name="connsiteY2"/>
                  <a:gd fmla="*/ 1372443 w 1372443" name="connsiteX3"/>
                  <a:gd fmla="*/ 0 h 1946223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946223" w="137244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15" name="椭圆 45"/>
              <p:cNvSpPr/>
              <p:nvPr/>
            </p:nvSpPr>
            <p:spPr>
              <a:xfrm rot="13500000">
                <a:off x="9395394" y="4144707"/>
                <a:ext cx="1372443" cy="1946223"/>
              </a:xfrm>
              <a:custGeom>
                <a:gdLst>
                  <a:gd fmla="*/ 1372443 w 1372443" name="connsiteX0"/>
                  <a:gd fmla="*/ 0 h 1946223" name="connsiteY0"/>
                  <a:gd fmla="*/ 1366371 w 1372443" name="connsiteX1"/>
                  <a:gd fmla="*/ 1946223 h 1946223" name="connsiteY1"/>
                  <a:gd fmla="*/ 0 w 1372443" name="connsiteX2"/>
                  <a:gd fmla="*/ 564095 h 1946223" name="connsiteY2"/>
                  <a:gd fmla="*/ 1372443 w 1372443" name="connsiteX3"/>
                  <a:gd fmla="*/ 0 h 1946223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946223" w="137244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rgbClr val="DCEFF4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  <p:sp>
            <p:nvSpPr>
              <p:cNvPr id="16" name="椭圆 45"/>
              <p:cNvSpPr/>
              <p:nvPr/>
            </p:nvSpPr>
            <p:spPr>
              <a:xfrm rot="5400000">
                <a:off x="10612843" y="2219784"/>
                <a:ext cx="1372443" cy="1946223"/>
              </a:xfrm>
              <a:custGeom>
                <a:gdLst>
                  <a:gd fmla="*/ 1372443 w 1372443" name="connsiteX0"/>
                  <a:gd fmla="*/ 0 h 1946223" name="connsiteY0"/>
                  <a:gd fmla="*/ 1366371 w 1372443" name="connsiteX1"/>
                  <a:gd fmla="*/ 1946223 h 1946223" name="connsiteY1"/>
                  <a:gd fmla="*/ 0 w 1372443" name="connsiteX2"/>
                  <a:gd fmla="*/ 564095 h 1946223" name="connsiteY2"/>
                  <a:gd fmla="*/ 1372443 w 1372443" name="connsiteX3"/>
                  <a:gd fmla="*/ 0 h 1946223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946223" w="137244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17" name="椭圆 45"/>
              <p:cNvSpPr/>
              <p:nvPr/>
            </p:nvSpPr>
            <p:spPr>
              <a:xfrm rot="8100000">
                <a:off x="10825019" y="3131396"/>
                <a:ext cx="1372443" cy="1946223"/>
              </a:xfrm>
              <a:custGeom>
                <a:gdLst>
                  <a:gd fmla="*/ 1372443 w 1372443" name="connsiteX0"/>
                  <a:gd fmla="*/ 0 h 1946223" name="connsiteY0"/>
                  <a:gd fmla="*/ 1366371 w 1372443" name="connsiteX1"/>
                  <a:gd fmla="*/ 1946223 h 1946223" name="connsiteY1"/>
                  <a:gd fmla="*/ 0 w 1372443" name="connsiteX2"/>
                  <a:gd fmla="*/ 564095 h 1946223" name="connsiteY2"/>
                  <a:gd fmla="*/ 1372443 w 1372443" name="connsiteX3"/>
                  <a:gd fmla="*/ 0 h 1946223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946223" w="1372443">
                    <a:moveTo>
                      <a:pt x="1372443" y="0"/>
                    </a:moveTo>
                    <a:lnTo>
                      <a:pt x="1366371" y="1946223"/>
                    </a:lnTo>
                    <a:lnTo>
                      <a:pt x="0" y="564095"/>
                    </a:lnTo>
                    <a:cubicBezTo>
                      <a:pt x="354117" y="217080"/>
                      <a:pt x="838245" y="2682"/>
                      <a:pt x="1372443" y="0"/>
                    </a:cubicBezTo>
                    <a:close/>
                  </a:path>
                </a:pathLst>
              </a:custGeom>
              <a:solidFill>
                <a:schemeClr val="tx1">
                  <a:lumMod val="75000"/>
                  <a:lumOff val="2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rgbClr val="FFDB69"/>
                  </a:solidFill>
                </a:endParaRPr>
              </a:p>
            </p:txBody>
          </p:sp>
          <p:sp>
            <p:nvSpPr>
              <p:cNvPr id="18" name="椭圆 45"/>
              <p:cNvSpPr/>
              <p:nvPr/>
            </p:nvSpPr>
            <p:spPr>
              <a:xfrm rot="16200000">
                <a:off x="8618860" y="3631031"/>
                <a:ext cx="1372442" cy="1959266"/>
              </a:xfrm>
              <a:custGeom>
                <a:gdLst>
                  <a:gd fmla="*/ 1372442 w 1372442" name="connsiteX0"/>
                  <a:gd fmla="*/ 0 h 1959267" name="connsiteY0"/>
                  <a:gd fmla="*/ 1366371 w 1372442" name="connsiteX1"/>
                  <a:gd fmla="*/ 1959267 h 1959267" name="connsiteY1"/>
                  <a:gd fmla="*/ 0 w 1372442" name="connsiteX2"/>
                  <a:gd fmla="*/ 577139 h 1959267" name="connsiteY2"/>
                  <a:gd fmla="*/ 1372442 w 1372442" name="connsiteX3"/>
                  <a:gd fmla="*/ 0 h 1959267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959267" w="1372442">
                    <a:moveTo>
                      <a:pt x="1372442" y="0"/>
                    </a:moveTo>
                    <a:cubicBezTo>
                      <a:pt x="1370418" y="653089"/>
                      <a:pt x="1368395" y="1306178"/>
                      <a:pt x="1366371" y="1959267"/>
                    </a:cubicBezTo>
                    <a:lnTo>
                      <a:pt x="0" y="577139"/>
                    </a:lnTo>
                    <a:cubicBezTo>
                      <a:pt x="354117" y="230124"/>
                      <a:pt x="838244" y="2682"/>
                      <a:pt x="1372442" y="0"/>
                    </a:cubicBezTo>
                    <a:close/>
                  </a:path>
                </a:pathLst>
              </a:cu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  <p:sp>
            <p:nvSpPr>
              <p:cNvPr id="19" name="椭圆 45"/>
              <p:cNvSpPr/>
              <p:nvPr/>
            </p:nvSpPr>
            <p:spPr>
              <a:xfrm rot="18900000">
                <a:off x="8402751" y="2713433"/>
                <a:ext cx="1377055" cy="1955446"/>
              </a:xfrm>
              <a:custGeom>
                <a:gdLst>
                  <a:gd fmla="*/ 1377055 w 1377055" name="connsiteX0"/>
                  <a:gd fmla="*/ 0 h 1955446" name="connsiteY0"/>
                  <a:gd fmla="*/ 1366371 w 1377055" name="connsiteX1"/>
                  <a:gd fmla="*/ 1955446 h 1955446" name="connsiteY1"/>
                  <a:gd fmla="*/ 0 w 1377055" name="connsiteX2"/>
                  <a:gd fmla="*/ 573318 h 1955446" name="connsiteY2"/>
                  <a:gd fmla="*/ 1377055 w 1377055" name="connsiteX3"/>
                  <a:gd fmla="*/ 0 h 1955446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955446" w="1377055">
                    <a:moveTo>
                      <a:pt x="1377055" y="0"/>
                    </a:moveTo>
                    <a:cubicBezTo>
                      <a:pt x="1373494" y="651815"/>
                      <a:pt x="1369932" y="1303631"/>
                      <a:pt x="1366371" y="1955446"/>
                    </a:cubicBezTo>
                    <a:lnTo>
                      <a:pt x="0" y="573318"/>
                    </a:lnTo>
                    <a:cubicBezTo>
                      <a:pt x="354117" y="226303"/>
                      <a:pt x="842857" y="2682"/>
                      <a:pt x="1377055" y="0"/>
                    </a:cubicBezTo>
                    <a:close/>
                  </a:path>
                </a:pathLst>
              </a:cu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8" name="椭圆 7"/>
            <p:cNvSpPr/>
            <p:nvPr/>
          </p:nvSpPr>
          <p:spPr>
            <a:xfrm>
              <a:off x="3267419" y="3360062"/>
              <a:ext cx="1910408" cy="1910408"/>
            </a:xfrm>
            <a:prstGeom prst="ellipse">
              <a:avLst/>
            </a:prstGeom>
            <a:solidFill>
              <a:schemeClr val="tx1">
                <a:lumMod val="75000"/>
                <a:lumOff val="25000"/>
              </a:schemeClr>
            </a:solidFill>
            <a:ln>
              <a:solidFill>
                <a:schemeClr val="tx1">
                  <a:lumMod val="85000"/>
                  <a:lumOff val="1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grpSp>
          <p:nvGrpSpPr>
            <p:cNvPr id="9" name="组合 8"/>
            <p:cNvGrpSpPr/>
            <p:nvPr/>
          </p:nvGrpSpPr>
          <p:grpSpPr>
            <a:xfrm>
              <a:off x="3615153" y="3150512"/>
              <a:ext cx="1214940" cy="1772224"/>
              <a:chOff x="9695876" y="2742626"/>
              <a:chExt cx="1214940" cy="1772224"/>
            </a:xfrm>
          </p:grpSpPr>
          <p:sp>
            <p:nvSpPr>
              <p:cNvPr id="10" name="等腰三角形 2"/>
              <p:cNvSpPr/>
              <p:nvPr/>
            </p:nvSpPr>
            <p:spPr>
              <a:xfrm>
                <a:off x="9695876" y="2742626"/>
                <a:ext cx="1214940" cy="1772224"/>
              </a:xfrm>
              <a:custGeom>
                <a:rect b="b" l="l" r="r" t="t"/>
                <a:pathLst>
                  <a:path h="1772224" w="1214940">
                    <a:moveTo>
                      <a:pt x="607470" y="0"/>
                    </a:moveTo>
                    <a:lnTo>
                      <a:pt x="754383" y="577227"/>
                    </a:lnTo>
                    <a:cubicBezTo>
                      <a:pt x="1019137" y="641157"/>
                      <a:pt x="1214940" y="880090"/>
                      <a:pt x="1214940" y="1164754"/>
                    </a:cubicBezTo>
                    <a:cubicBezTo>
                      <a:pt x="1214940" y="1500250"/>
                      <a:pt x="942966" y="1772224"/>
                      <a:pt x="607470" y="1772224"/>
                    </a:cubicBezTo>
                    <a:cubicBezTo>
                      <a:pt x="271974" y="1772224"/>
                      <a:pt x="0" y="1500250"/>
                      <a:pt x="0" y="1164754"/>
                    </a:cubicBezTo>
                    <a:cubicBezTo>
                      <a:pt x="0" y="880090"/>
                      <a:pt x="195803" y="641157"/>
                      <a:pt x="460557" y="577227"/>
                    </a:cubicBezTo>
                    <a:close/>
                  </a:path>
                </a:pathLst>
              </a:custGeom>
              <a:gradFill>
                <a:gsLst>
                  <a:gs pos="2083">
                    <a:schemeClr val="bg1">
                      <a:lumMod val="75000"/>
                    </a:schemeClr>
                  </a:gs>
                  <a:gs pos="23000">
                    <a:schemeClr val="bg1"/>
                  </a:gs>
                  <a:gs pos="61000">
                    <a:schemeClr val="bg1">
                      <a:lumMod val="50000"/>
                    </a:schemeClr>
                  </a:gs>
                  <a:gs pos="100000">
                    <a:schemeClr val="bg1"/>
                  </a:gs>
                </a:gsLst>
                <a:lin ang="16200000" scaled="1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9848206" y="3636483"/>
                <a:ext cx="876542" cy="500881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en-US" b="1" lang="zh-CN">
                    <a:latin charset="-122" pitchFamily="34" typeface="微软雅黑"/>
                    <a:ea charset="-122" pitchFamily="34" typeface="微软雅黑"/>
                  </a:rPr>
                  <a:t>色彩</a:t>
                </a:r>
              </a:p>
            </p:txBody>
          </p:sp>
        </p:grpSp>
      </p:grpSp>
      <p:grpSp>
        <p:nvGrpSpPr>
          <p:cNvPr id="20" name="组合 19"/>
          <p:cNvGrpSpPr/>
          <p:nvPr/>
        </p:nvGrpSpPr>
        <p:grpSpPr>
          <a:xfrm>
            <a:off x="8265204" y="3018926"/>
            <a:ext cx="2293010" cy="231309"/>
            <a:chOff x="4032821" y="2867471"/>
            <a:chExt cx="1944685" cy="178272"/>
          </a:xfrm>
        </p:grpSpPr>
        <p:sp>
          <p:nvSpPr>
            <p:cNvPr id="21" name="矩形 20"/>
            <p:cNvSpPr/>
            <p:nvPr/>
          </p:nvSpPr>
          <p:spPr>
            <a:xfrm>
              <a:off x="4032821" y="2867473"/>
              <a:ext cx="482835" cy="17827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22" name="矩形 21"/>
            <p:cNvSpPr/>
            <p:nvPr/>
          </p:nvSpPr>
          <p:spPr>
            <a:xfrm>
              <a:off x="4519997" y="2867473"/>
              <a:ext cx="482754" cy="17827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23" name="矩形 22"/>
            <p:cNvSpPr/>
            <p:nvPr/>
          </p:nvSpPr>
          <p:spPr>
            <a:xfrm>
              <a:off x="5007657" y="2867473"/>
              <a:ext cx="482754" cy="178270"/>
            </a:xfrm>
            <a:prstGeom prst="rect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24" name="矩形 23"/>
            <p:cNvSpPr/>
            <p:nvPr/>
          </p:nvSpPr>
          <p:spPr>
            <a:xfrm>
              <a:off x="5494752" y="2867471"/>
              <a:ext cx="482754" cy="178270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</p:grpSp>
      <p:sp>
        <p:nvSpPr>
          <p:cNvPr id="25" name="矩形 24"/>
          <p:cNvSpPr/>
          <p:nvPr/>
        </p:nvSpPr>
        <p:spPr>
          <a:xfrm>
            <a:off x="6361651" y="2130249"/>
            <a:ext cx="569223" cy="82025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<a:prstTxWarp prst="textNoShape">
              <a:avLst/>
            </a:prstTxWarp>
            <a:noAutofit/>
          </a:bodyPr>
          <a:lstStyle/>
          <a:p>
            <a:pPr algn="ctr"/>
            <a:endParaRPr altLang="en-US" lang="zh-CN"/>
          </a:p>
        </p:txBody>
      </p:sp>
      <p:sp>
        <p:nvSpPr>
          <p:cNvPr id="26" name="矩形 25"/>
          <p:cNvSpPr/>
          <p:nvPr/>
        </p:nvSpPr>
        <p:spPr>
          <a:xfrm>
            <a:off x="6939042" y="2130249"/>
            <a:ext cx="569223" cy="820250"/>
          </a:xfrm>
          <a:prstGeom prst="rect">
            <a:avLst/>
          </a:prstGeom>
          <a:solidFill>
            <a:srgbClr val="BFE2E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<a:prstTxWarp prst="textNoShape">
              <a:avLst/>
            </a:prstTxWarp>
            <a:noAutofit/>
          </a:bodyPr>
          <a:lstStyle/>
          <a:p>
            <a:pPr algn="ctr"/>
            <a:endParaRPr altLang="en-US" lang="zh-CN"/>
          </a:p>
        </p:txBody>
      </p:sp>
      <p:sp>
        <p:nvSpPr>
          <p:cNvPr id="27" name="矩形 26"/>
          <p:cNvSpPr/>
          <p:nvPr/>
        </p:nvSpPr>
        <p:spPr>
          <a:xfrm>
            <a:off x="7514176" y="2130249"/>
            <a:ext cx="569223" cy="820250"/>
          </a:xfrm>
          <a:prstGeom prst="rect">
            <a:avLst/>
          </a:prstGeom>
          <a:solidFill>
            <a:srgbClr val="DCEFF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<a:prstTxWarp prst="textNoShape">
              <a:avLst/>
            </a:prstTxWarp>
            <a:noAutofit/>
          </a:bodyPr>
          <a:lstStyle/>
          <a:p>
            <a:pPr algn="ctr"/>
            <a:endParaRPr altLang="en-US" lang="zh-CN"/>
          </a:p>
        </p:txBody>
      </p:sp>
      <p:grpSp>
        <p:nvGrpSpPr>
          <p:cNvPr id="28" name="组合 27"/>
          <p:cNvGrpSpPr/>
          <p:nvPr/>
        </p:nvGrpSpPr>
        <p:grpSpPr>
          <a:xfrm>
            <a:off x="5729366" y="2130249"/>
            <a:ext cx="626373" cy="820250"/>
            <a:chOff x="4212507" y="1280016"/>
            <a:chExt cx="626373" cy="820250"/>
          </a:xfrm>
        </p:grpSpPr>
        <p:sp>
          <p:nvSpPr>
            <p:cNvPr id="29" name="矩形 28"/>
            <p:cNvSpPr/>
            <p:nvPr/>
          </p:nvSpPr>
          <p:spPr>
            <a:xfrm>
              <a:off x="4269657" y="1280016"/>
              <a:ext cx="569223" cy="820250"/>
            </a:xfrm>
            <a:prstGeom prst="rect">
              <a:avLst/>
            </a:prstGeom>
            <a:solidFill>
              <a:srgbClr val="00B0F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grpSp>
          <p:nvGrpSpPr>
            <p:cNvPr id="30" name="组合 29"/>
            <p:cNvGrpSpPr/>
            <p:nvPr/>
          </p:nvGrpSpPr>
          <p:grpSpPr>
            <a:xfrm>
              <a:off x="4212507" y="1284777"/>
              <a:ext cx="620683" cy="767022"/>
              <a:chOff x="6657075" y="2351178"/>
              <a:chExt cx="620683" cy="767022"/>
            </a:xfrm>
          </p:grpSpPr>
          <p:sp>
            <p:nvSpPr>
              <p:cNvPr id="31" name="TextBox 30"/>
              <p:cNvSpPr txBox="1"/>
              <p:nvPr/>
            </p:nvSpPr>
            <p:spPr>
              <a:xfrm>
                <a:off x="6665092" y="2351178"/>
                <a:ext cx="417830" cy="30480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 sz="1400">
                    <a:solidFill>
                      <a:schemeClr val="bg1"/>
                    </a:solidFill>
                  </a:rPr>
                  <a:t>R:0</a:t>
                </a:r>
              </a:p>
            </p:txBody>
          </p:sp>
          <p:sp>
            <p:nvSpPr>
              <p:cNvPr id="32" name="TextBox 31"/>
              <p:cNvSpPr txBox="1"/>
              <p:nvPr/>
            </p:nvSpPr>
            <p:spPr>
              <a:xfrm>
                <a:off x="6657075" y="2580801"/>
                <a:ext cx="614680" cy="30480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 sz="1400">
                    <a:solidFill>
                      <a:schemeClr val="bg1"/>
                    </a:solidFill>
                  </a:rPr>
                  <a:t>G:176</a:t>
                </a:r>
              </a:p>
            </p:txBody>
          </p:sp>
          <p:sp>
            <p:nvSpPr>
              <p:cNvPr id="33" name="TextBox 32"/>
              <p:cNvSpPr txBox="1"/>
              <p:nvPr/>
            </p:nvSpPr>
            <p:spPr>
              <a:xfrm>
                <a:off x="6665090" y="2810423"/>
                <a:ext cx="598805" cy="30480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 sz="1400">
                    <a:solidFill>
                      <a:schemeClr val="bg1"/>
                    </a:solidFill>
                  </a:rPr>
                  <a:t>B:240</a:t>
                </a:r>
              </a:p>
            </p:txBody>
          </p:sp>
        </p:grpSp>
      </p:grpSp>
      <p:sp>
        <p:nvSpPr>
          <p:cNvPr id="34" name="矩形 33"/>
          <p:cNvSpPr/>
          <p:nvPr/>
        </p:nvSpPr>
        <p:spPr>
          <a:xfrm>
            <a:off x="8839645" y="2130249"/>
            <a:ext cx="569223" cy="820250"/>
          </a:xfrm>
          <a:prstGeom prst="rect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>
              <a:solidFill>
                <a:srgbClr val="FFDB69"/>
              </a:solidFill>
            </a:endParaRPr>
          </a:p>
        </p:txBody>
      </p:sp>
      <p:sp>
        <p:nvSpPr>
          <p:cNvPr id="35" name="矩形 34"/>
          <p:cNvSpPr/>
          <p:nvPr/>
        </p:nvSpPr>
        <p:spPr>
          <a:xfrm>
            <a:off x="9414654" y="2130249"/>
            <a:ext cx="569223" cy="82025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36" name="矩形 35"/>
          <p:cNvSpPr/>
          <p:nvPr/>
        </p:nvSpPr>
        <p:spPr>
          <a:xfrm>
            <a:off x="9988995" y="2130249"/>
            <a:ext cx="569223" cy="82025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grpSp>
        <p:nvGrpSpPr>
          <p:cNvPr id="37" name="组合 36"/>
          <p:cNvGrpSpPr/>
          <p:nvPr/>
        </p:nvGrpSpPr>
        <p:grpSpPr>
          <a:xfrm>
            <a:off x="8214503" y="2130249"/>
            <a:ext cx="634667" cy="820250"/>
            <a:chOff x="6690500" y="1280016"/>
            <a:chExt cx="634667" cy="820250"/>
          </a:xfrm>
        </p:grpSpPr>
        <p:sp>
          <p:nvSpPr>
            <p:cNvPr id="38" name="矩形 37"/>
            <p:cNvSpPr/>
            <p:nvPr/>
          </p:nvSpPr>
          <p:spPr>
            <a:xfrm>
              <a:off x="6741301" y="1280016"/>
              <a:ext cx="569223" cy="820250"/>
            </a:xfrm>
            <a:prstGeom prst="rect">
              <a:avLst/>
            </a:prstGeom>
            <a:solidFill>
              <a:schemeClr val="tx1">
                <a:lumMod val="85000"/>
                <a:lumOff val="1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grpSp>
          <p:nvGrpSpPr>
            <p:cNvPr id="39" name="组合 38"/>
            <p:cNvGrpSpPr/>
            <p:nvPr/>
          </p:nvGrpSpPr>
          <p:grpSpPr>
            <a:xfrm>
              <a:off x="6690500" y="1284777"/>
              <a:ext cx="634667" cy="767022"/>
              <a:chOff x="6657074" y="2351178"/>
              <a:chExt cx="634667" cy="767022"/>
            </a:xfrm>
          </p:grpSpPr>
          <p:sp>
            <p:nvSpPr>
              <p:cNvPr id="40" name="TextBox 39"/>
              <p:cNvSpPr txBox="1"/>
              <p:nvPr/>
            </p:nvSpPr>
            <p:spPr>
              <a:xfrm>
                <a:off x="6665089" y="2351178"/>
                <a:ext cx="604653" cy="304800"/>
              </a:xfrm>
              <a:prstGeom prst="rect">
                <a:avLst/>
              </a:prstGeom>
              <a:noFill/>
            </p:spPr>
            <p:txBody>
              <a:bodyPr rtlCol="0" wrap="square">
                <a:spAutoFit/>
              </a:bodyPr>
              <a:lstStyle/>
              <a:p>
                <a:r>
                  <a:rPr altLang="zh-CN" lang="en-US" sz="1400">
                    <a:solidFill>
                      <a:schemeClr val="bg1"/>
                    </a:solidFill>
                  </a:rPr>
                  <a:t>R:38</a:t>
                </a:r>
              </a:p>
            </p:txBody>
          </p:sp>
          <p:sp>
            <p:nvSpPr>
              <p:cNvPr id="41" name="TextBox 40"/>
              <p:cNvSpPr txBox="1"/>
              <p:nvPr/>
            </p:nvSpPr>
            <p:spPr>
              <a:xfrm>
                <a:off x="6657074" y="2580801"/>
                <a:ext cx="634667" cy="304800"/>
              </a:xfrm>
              <a:prstGeom prst="rect">
                <a:avLst/>
              </a:prstGeom>
              <a:noFill/>
            </p:spPr>
            <p:txBody>
              <a:bodyPr rtlCol="0" wrap="square">
                <a:spAutoFit/>
              </a:bodyPr>
              <a:lstStyle/>
              <a:p>
                <a:r>
                  <a:rPr altLang="zh-CN" lang="en-US" sz="1400">
                    <a:solidFill>
                      <a:schemeClr val="bg1"/>
                    </a:solidFill>
                  </a:rPr>
                  <a:t>G:38</a:t>
                </a:r>
              </a:p>
            </p:txBody>
          </p:sp>
          <p:sp>
            <p:nvSpPr>
              <p:cNvPr id="42" name="TextBox 41"/>
              <p:cNvSpPr txBox="1"/>
              <p:nvPr/>
            </p:nvSpPr>
            <p:spPr>
              <a:xfrm>
                <a:off x="6665091" y="2810423"/>
                <a:ext cx="508318" cy="30480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 sz="1400">
                    <a:solidFill>
                      <a:schemeClr val="bg1"/>
                    </a:solidFill>
                  </a:rPr>
                  <a:t>B:38</a:t>
                </a:r>
              </a:p>
            </p:txBody>
          </p:sp>
        </p:grpSp>
      </p:grpSp>
      <p:sp>
        <p:nvSpPr>
          <p:cNvPr id="43" name="矩形 42"/>
          <p:cNvSpPr>
            <a:spLocks noChangeArrowheads="1"/>
          </p:cNvSpPr>
          <p:nvPr/>
        </p:nvSpPr>
        <p:spPr bwMode="auto">
          <a:xfrm>
            <a:off x="5526811" y="3652866"/>
            <a:ext cx="5113168" cy="16154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>
                <a:solidFill>
                  <a:srgbClr val="FFFFFF"/>
                </a:solidFill>
              </a14:hiddenFill>
            </a:ext>
            <a:ext uri="{91240B29-F687-4F45-9708-019B960494DF}">
              <a14:hiddenLine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75000"/>
                    <a:lumOff val="25000"/>
                  </a:schemeClr>
                </a:solidFill>
                <a:latin typeface="Arial"/>
              </a:rPr>
              <a:t>RAPIDPPT, the leader of professional PPT designer in China. 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75000"/>
                    <a:lumOff val="25000"/>
                  </a:schemeClr>
                </a:solidFill>
                <a:latin typeface="Arial"/>
              </a:rPr>
              <a:t>5years of making professional PPT,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75000"/>
                    <a:lumOff val="25000"/>
                  </a:schemeClr>
                </a:solidFill>
                <a:latin typeface="Arial"/>
              </a:rPr>
              <a:t> classical PPT, 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75000"/>
                    <a:lumOff val="25000"/>
                  </a:schemeClr>
                </a:solidFill>
                <a:latin typeface="Arial"/>
              </a:rPr>
              <a:t>make sure you will be satisfied. ……RAPIDPPT 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75000"/>
                    <a:lumOff val="25000"/>
                  </a:schemeClr>
                </a:solidFill>
                <a:latin typeface="Arial"/>
              </a:rPr>
              <a:t>differs from the traditional production model, and create a new PPT experience.</a:t>
            </a:r>
          </a:p>
        </p:txBody>
      </p:sp>
      <p:sp>
        <p:nvSpPr>
          <p:cNvPr id="44" name="TextBox 43"/>
          <p:cNvSpPr txBox="1"/>
          <p:nvPr/>
        </p:nvSpPr>
        <p:spPr>
          <a:xfrm>
            <a:off x="4872303" y="2848448"/>
            <a:ext cx="1194117" cy="2621280"/>
          </a:xfrm>
          <a:prstGeom prst="rect">
            <a:avLst/>
          </a:prstGeom>
          <a:noFill/>
        </p:spPr>
        <p:txBody>
          <a:bodyPr rtlCol="0" wrap="none">
            <a:spAutoFit/>
          </a:bodyPr>
          <a:lstStyle/>
          <a:p>
            <a:r>
              <a:rPr altLang="zh-CN" lang="en-US" sz="16600">
                <a:solidFill>
                  <a:schemeClr val="bg1">
                    <a:lumMod val="50000"/>
                  </a:schemeClr>
                </a:solidFill>
                <a:latin charset="-128" pitchFamily="18" typeface="Adobe 明體 Std L"/>
                <a:ea charset="-128" pitchFamily="18" typeface="Adobe 明體 Std L"/>
              </a:rPr>
              <a:t>}</a:t>
            </a:r>
          </a:p>
        </p:txBody>
      </p: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/>
</p:sld>
</file>

<file path=ppt/slides/slide20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矩形 1"/>
          <p:cNvSpPr>
            <a:spLocks noChangeArrowheads="1"/>
          </p:cNvSpPr>
          <p:nvPr/>
        </p:nvSpPr>
        <p:spPr bwMode="auto">
          <a:xfrm>
            <a:off x="1919536" y="2638152"/>
            <a:ext cx="4583262" cy="13614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>
                <a:solidFill>
                  <a:srgbClr val="FFFFFF"/>
                </a:solidFill>
              </a14:hiddenFill>
            </a:ext>
            <a:ext uri="{91240B29-F687-4F45-9708-019B960494DF}">
              <a14:hiddenLine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 algn="r">
              <a:lnSpc>
                <a:spcPts val="2000"/>
              </a:lnSpc>
            </a:pPr>
            <a:r>
              <a:rPr altLang="zh-CN" lang="en-US" sz="1200">
                <a:latin typeface="Arial"/>
              </a:rPr>
              <a:t>RAPIDPPT, the leader of professional PPT designer in China. </a:t>
            </a:r>
          </a:p>
          <a:p>
            <a:pPr algn="r">
              <a:lnSpc>
                <a:spcPts val="2000"/>
              </a:lnSpc>
            </a:pPr>
            <a:r>
              <a:rPr altLang="zh-CN" lang="en-US" sz="1200">
                <a:latin typeface="Arial"/>
              </a:rPr>
              <a:t>5years of making professional PPT,</a:t>
            </a:r>
          </a:p>
          <a:p>
            <a:pPr algn="r">
              <a:lnSpc>
                <a:spcPts val="2000"/>
              </a:lnSpc>
            </a:pPr>
            <a:r>
              <a:rPr altLang="zh-CN" lang="en-US" sz="1200">
                <a:latin typeface="Arial"/>
              </a:rPr>
              <a:t> classical PPT, </a:t>
            </a:r>
          </a:p>
          <a:p>
            <a:pPr algn="r">
              <a:lnSpc>
                <a:spcPts val="2000"/>
              </a:lnSpc>
            </a:pPr>
            <a:r>
              <a:rPr altLang="zh-CN" lang="en-US" sz="1200">
                <a:latin typeface="Arial"/>
              </a:rPr>
              <a:t>differs from the traditional production model, and create a new PPTexperience.</a:t>
            </a:r>
          </a:p>
        </p:txBody>
      </p:sp>
      <p:grpSp>
        <p:nvGrpSpPr>
          <p:cNvPr id="3" name="组合 2"/>
          <p:cNvGrpSpPr/>
          <p:nvPr/>
        </p:nvGrpSpPr>
        <p:grpSpPr>
          <a:xfrm>
            <a:off x="4273060" y="2185584"/>
            <a:ext cx="2236510" cy="387798"/>
            <a:chOff x="2749060" y="1527858"/>
            <a:chExt cx="2236510" cy="387798"/>
          </a:xfrm>
        </p:grpSpPr>
        <p:sp>
          <p:nvSpPr>
            <p:cNvPr id="4" name="矩形 3"/>
            <p:cNvSpPr/>
            <p:nvPr/>
          </p:nvSpPr>
          <p:spPr>
            <a:xfrm>
              <a:off x="2749060" y="1540361"/>
              <a:ext cx="2229738" cy="362792"/>
            </a:xfrm>
            <a:prstGeom prst="rect">
              <a:avLst/>
            </a:prstGeom>
            <a:solidFill>
              <a:srgbClr val="557773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5" name="矩形 4"/>
            <p:cNvSpPr/>
            <p:nvPr/>
          </p:nvSpPr>
          <p:spPr>
            <a:xfrm>
              <a:off x="2749060" y="1527858"/>
              <a:ext cx="2214880" cy="38404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内容</a:t>
              </a:r>
            </a:p>
          </p:txBody>
        </p:sp>
      </p:grpSp>
      <p:grpSp>
        <p:nvGrpSpPr>
          <p:cNvPr id="6" name="组合 5"/>
          <p:cNvGrpSpPr/>
          <p:nvPr/>
        </p:nvGrpSpPr>
        <p:grpSpPr>
          <a:xfrm>
            <a:off x="7084692" y="2062239"/>
            <a:ext cx="2812790" cy="2729076"/>
            <a:chOff x="5761108" y="1442091"/>
            <a:chExt cx="2812790" cy="2729076"/>
          </a:xfrm>
        </p:grpSpPr>
        <p:sp>
          <p:nvSpPr>
            <p:cNvPr id="7" name="矩形标注 6"/>
            <p:cNvSpPr/>
            <p:nvPr/>
          </p:nvSpPr>
          <p:spPr>
            <a:xfrm>
              <a:off x="5761108" y="1442091"/>
              <a:ext cx="2812790" cy="2729076"/>
            </a:xfrm>
            <a:prstGeom prst="wedgeRectCallout">
              <a:avLst>
                <a:gd fmla="val -63887" name="adj1"/>
                <a:gd fmla="val -40337" name="adj2"/>
              </a:avLst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sp>
          <p:nvSpPr>
            <p:cNvPr id="8" name="矩形 7"/>
            <p:cNvSpPr/>
            <p:nvPr/>
          </p:nvSpPr>
          <p:spPr>
            <a:xfrm>
              <a:off x="5940031" y="1686074"/>
              <a:ext cx="2441202" cy="1883844"/>
            </a:xfrm>
            <a:prstGeom prst="rect">
              <a:avLst/>
            </a:prstGeom>
            <a:blipFill>
              <a:blip r:embed="rId2">
                <a:extLst>
                  <a:ext uri="{BEBA8EAE-BF5A-486C-A8C5-ECC9F3942E4B}">
                    <a14:imgProps>
                      <a14:imgLayer r:embed="rId3">
                        <a14:imgEffect>
                          <a14:saturation sat="0"/>
                        </a14:imgEffect>
                      </a14:imgLayer>
                    </a14:imgProps>
                  </a:ext>
                  <a:ext uri="{28A0092B-C50C-407E-A947-70E740481C1C}">
                    <a14:useLocalDpi/>
                  </a:ext>
                </a:extLst>
              </a:blip>
              <a:stretch>
                <a:fillRect/>
              </a:stretch>
            </a:blip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6609899" y="3683763"/>
              <a:ext cx="830580" cy="36576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>
                  <a:solidFill>
                    <a:schemeClr val="tx1">
                      <a:lumMod val="85000"/>
                      <a:lumOff val="15000"/>
                    </a:schemeClr>
                  </a:solidFill>
                  <a:latin charset="-120" pitchFamily="50" typeface="MStiffHeiHK-UltraBold"/>
                  <a:ea charset="-120" pitchFamily="50" typeface="MStiffHeiHK-UltraBold"/>
                </a:rPr>
                <a:t>Picture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23" presetSubtype="16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7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8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9" nodeType="withEffect" presetClass="entr" presetID="22" presetSubtype="2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dur="1" fill="hold" id="1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right)" transition="in">
                                      <p:cBhvr>
                                        <p:cTn dur="500" id="11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12" nodeType="withEffect" presetClass="entr" presetID="18" presetSubtype="12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dur="1" fill="hold" id="1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strips(downLeft)" transition="in">
                                      <p:cBhvr>
                                        <p:cTn dur="1000" id="14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2"/>
    </p:bldLst>
  </p:timing>
</p:sld>
</file>

<file path=ppt/slides/slide21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513386" y="2136861"/>
            <a:ext cx="2995613" cy="2994025"/>
            <a:chOff x="3073400" y="1252538"/>
            <a:chExt cx="2995613" cy="2994025"/>
          </a:xfrm>
        </p:grpSpPr>
        <p:sp>
          <p:nvSpPr>
            <p:cNvPr id="3" name="Oval 6"/>
            <p:cNvSpPr>
              <a:spLocks noChangeArrowheads="1"/>
            </p:cNvSpPr>
            <p:nvPr/>
          </p:nvSpPr>
          <p:spPr bwMode="auto">
            <a:xfrm>
              <a:off x="3073400" y="1252538"/>
              <a:ext cx="2995613" cy="2994025"/>
            </a:xfrm>
            <a:prstGeom prst="ellipse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sp>
          <p:nvSpPr>
            <p:cNvPr id="4" name="Freeform 15"/>
            <p:cNvSpPr/>
            <p:nvPr/>
          </p:nvSpPr>
          <p:spPr bwMode="auto">
            <a:xfrm>
              <a:off x="4324350" y="1414463"/>
              <a:ext cx="100013" cy="149225"/>
            </a:xfrm>
            <a:custGeom>
              <a:gdLst>
                <a:gd fmla="*/ 16 w 16" name="T0"/>
                <a:gd fmla="*/ 24 h 24" name="T1"/>
                <a:gd fmla="*/ 0 w 16" name="T2"/>
                <a:gd fmla="*/ 24 h 24" name="T3"/>
                <a:gd fmla="*/ 1 w 16" name="T4"/>
                <a:gd fmla="*/ 20 h 24" name="T5"/>
                <a:gd fmla="*/ 3 w 16" name="T6"/>
                <a:gd fmla="*/ 18 h 24" name="T7"/>
                <a:gd fmla="*/ 6 w 16" name="T8"/>
                <a:gd fmla="*/ 15 h 24" name="T9"/>
                <a:gd fmla="*/ 9 w 16" name="T10"/>
                <a:gd fmla="*/ 13 h 24" name="T11"/>
                <a:gd fmla="*/ 11 w 16" name="T12"/>
                <a:gd fmla="*/ 11 h 24" name="T13"/>
                <a:gd fmla="*/ 12 w 16" name="T14"/>
                <a:gd fmla="*/ 7 h 24" name="T15"/>
                <a:gd fmla="*/ 11 w 16" name="T16"/>
                <a:gd fmla="*/ 4 h 24" name="T17"/>
                <a:gd fmla="*/ 8 w 16" name="T18"/>
                <a:gd fmla="*/ 3 h 24" name="T19"/>
                <a:gd fmla="*/ 5 w 16" name="T20"/>
                <a:gd fmla="*/ 4 h 24" name="T21"/>
                <a:gd fmla="*/ 4 w 16" name="T22"/>
                <a:gd fmla="*/ 7 h 24" name="T23"/>
                <a:gd fmla="*/ 1 w 16" name="T24"/>
                <a:gd fmla="*/ 7 h 24" name="T25"/>
                <a:gd fmla="*/ 1 w 16" name="T26"/>
                <a:gd fmla="*/ 4 h 24" name="T27"/>
                <a:gd fmla="*/ 3 w 16" name="T28"/>
                <a:gd fmla="*/ 2 h 24" name="T29"/>
                <a:gd fmla="*/ 5 w 16" name="T30"/>
                <a:gd fmla="*/ 1 h 24" name="T31"/>
                <a:gd fmla="*/ 8 w 16" name="T32"/>
                <a:gd fmla="*/ 0 h 24" name="T33"/>
                <a:gd fmla="*/ 11 w 16" name="T34"/>
                <a:gd fmla="*/ 1 h 24" name="T35"/>
                <a:gd fmla="*/ 14 w 16" name="T36"/>
                <a:gd fmla="*/ 2 h 24" name="T37"/>
                <a:gd fmla="*/ 15 w 16" name="T38"/>
                <a:gd fmla="*/ 4 h 24" name="T39"/>
                <a:gd fmla="*/ 16 w 16" name="T40"/>
                <a:gd fmla="*/ 7 h 24" name="T41"/>
                <a:gd fmla="*/ 15 w 16" name="T42"/>
                <a:gd fmla="*/ 9 h 24" name="T43"/>
                <a:gd fmla="*/ 14 w 16" name="T44"/>
                <a:gd fmla="*/ 11 h 24" name="T45"/>
                <a:gd fmla="*/ 12 w 16" name="T46"/>
                <a:gd fmla="*/ 14 h 24" name="T47"/>
                <a:gd fmla="*/ 8 w 16" name="T48"/>
                <a:gd fmla="*/ 17 h 24" name="T49"/>
                <a:gd fmla="*/ 4 w 16" name="T50"/>
                <a:gd fmla="*/ 21 h 24" name="T51"/>
                <a:gd fmla="*/ 16 w 16" name="T52"/>
                <a:gd fmla="*/ 21 h 24" name="T53"/>
                <a:gd fmla="*/ 16 w 16" name="T54"/>
                <a:gd fmla="*/ 24 h 24" name="T55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b="b" l="0" r="r" t="0"/>
              <a:pathLst>
                <a:path h="24" w="16">
                  <a:moveTo>
                    <a:pt x="16" y="24"/>
                  </a:moveTo>
                  <a:cubicBezTo>
                    <a:pt x="0" y="24"/>
                    <a:pt x="0" y="24"/>
                    <a:pt x="0" y="24"/>
                  </a:cubicBezTo>
                  <a:cubicBezTo>
                    <a:pt x="0" y="23"/>
                    <a:pt x="0" y="21"/>
                    <a:pt x="1" y="20"/>
                  </a:cubicBezTo>
                  <a:cubicBezTo>
                    <a:pt x="2" y="19"/>
                    <a:pt x="2" y="19"/>
                    <a:pt x="3" y="18"/>
                  </a:cubicBezTo>
                  <a:cubicBezTo>
                    <a:pt x="4" y="17"/>
                    <a:pt x="5" y="16"/>
                    <a:pt x="6" y="15"/>
                  </a:cubicBezTo>
                  <a:cubicBezTo>
                    <a:pt x="7" y="14"/>
                    <a:pt x="8" y="13"/>
                    <a:pt x="9" y="13"/>
                  </a:cubicBezTo>
                  <a:cubicBezTo>
                    <a:pt x="10" y="12"/>
                    <a:pt x="11" y="11"/>
                    <a:pt x="11" y="11"/>
                  </a:cubicBezTo>
                  <a:cubicBezTo>
                    <a:pt x="12" y="9"/>
                    <a:pt x="12" y="8"/>
                    <a:pt x="12" y="7"/>
                  </a:cubicBezTo>
                  <a:cubicBezTo>
                    <a:pt x="12" y="5"/>
                    <a:pt x="12" y="4"/>
                    <a:pt x="11" y="4"/>
                  </a:cubicBezTo>
                  <a:cubicBezTo>
                    <a:pt x="11" y="3"/>
                    <a:pt x="10" y="3"/>
                    <a:pt x="8" y="3"/>
                  </a:cubicBezTo>
                  <a:cubicBezTo>
                    <a:pt x="7" y="3"/>
                    <a:pt x="6" y="3"/>
                    <a:pt x="5" y="4"/>
                  </a:cubicBezTo>
                  <a:cubicBezTo>
                    <a:pt x="4" y="4"/>
                    <a:pt x="4" y="6"/>
                    <a:pt x="4" y="7"/>
                  </a:cubicBezTo>
                  <a:cubicBezTo>
                    <a:pt x="1" y="7"/>
                    <a:pt x="1" y="7"/>
                    <a:pt x="1" y="7"/>
                  </a:cubicBezTo>
                  <a:cubicBezTo>
                    <a:pt x="1" y="6"/>
                    <a:pt x="1" y="5"/>
                    <a:pt x="1" y="4"/>
                  </a:cubicBezTo>
                  <a:cubicBezTo>
                    <a:pt x="2" y="3"/>
                    <a:pt x="2" y="3"/>
                    <a:pt x="3" y="2"/>
                  </a:cubicBezTo>
                  <a:cubicBezTo>
                    <a:pt x="4" y="1"/>
                    <a:pt x="4" y="1"/>
                    <a:pt x="5" y="1"/>
                  </a:cubicBezTo>
                  <a:cubicBezTo>
                    <a:pt x="6" y="0"/>
                    <a:pt x="7" y="0"/>
                    <a:pt x="8" y="0"/>
                  </a:cubicBezTo>
                  <a:cubicBezTo>
                    <a:pt x="9" y="0"/>
                    <a:pt x="10" y="0"/>
                    <a:pt x="11" y="1"/>
                  </a:cubicBezTo>
                  <a:cubicBezTo>
                    <a:pt x="12" y="1"/>
                    <a:pt x="13" y="1"/>
                    <a:pt x="14" y="2"/>
                  </a:cubicBezTo>
                  <a:cubicBezTo>
                    <a:pt x="14" y="3"/>
                    <a:pt x="15" y="3"/>
                    <a:pt x="15" y="4"/>
                  </a:cubicBezTo>
                  <a:cubicBezTo>
                    <a:pt x="15" y="5"/>
                    <a:pt x="16" y="6"/>
                    <a:pt x="16" y="7"/>
                  </a:cubicBezTo>
                  <a:cubicBezTo>
                    <a:pt x="16" y="8"/>
                    <a:pt x="15" y="9"/>
                    <a:pt x="15" y="9"/>
                  </a:cubicBezTo>
                  <a:cubicBezTo>
                    <a:pt x="15" y="10"/>
                    <a:pt x="15" y="11"/>
                    <a:pt x="14" y="11"/>
                  </a:cubicBezTo>
                  <a:cubicBezTo>
                    <a:pt x="14" y="12"/>
                    <a:pt x="13" y="13"/>
                    <a:pt x="12" y="14"/>
                  </a:cubicBezTo>
                  <a:cubicBezTo>
                    <a:pt x="11" y="15"/>
                    <a:pt x="10" y="16"/>
                    <a:pt x="8" y="17"/>
                  </a:cubicBezTo>
                  <a:cubicBezTo>
                    <a:pt x="6" y="19"/>
                    <a:pt x="4" y="21"/>
                    <a:pt x="4" y="21"/>
                  </a:cubicBezTo>
                  <a:cubicBezTo>
                    <a:pt x="16" y="21"/>
                    <a:pt x="16" y="21"/>
                    <a:pt x="16" y="21"/>
                  </a:cubicBezTo>
                  <a:lnTo>
                    <a:pt x="16" y="24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" name="Freeform 16"/>
            <p:cNvSpPr>
              <a:spLocks noEditPoints="1"/>
            </p:cNvSpPr>
            <p:nvPr/>
          </p:nvSpPr>
          <p:spPr bwMode="auto">
            <a:xfrm>
              <a:off x="4443413" y="1414463"/>
              <a:ext cx="93663" cy="155575"/>
            </a:xfrm>
            <a:custGeom>
              <a:gdLst>
                <a:gd fmla="*/ 15 w 15" name="T0"/>
                <a:gd fmla="*/ 12 h 25" name="T1"/>
                <a:gd fmla="*/ 7 w 15" name="T2"/>
                <a:gd fmla="*/ 25 h 25" name="T3"/>
                <a:gd fmla="*/ 4 w 15" name="T4"/>
                <a:gd fmla="*/ 24 h 25" name="T5"/>
                <a:gd fmla="*/ 2 w 15" name="T6"/>
                <a:gd fmla="*/ 23 h 25" name="T7"/>
                <a:gd fmla="*/ 1 w 15" name="T8"/>
                <a:gd fmla="*/ 21 h 25" name="T9"/>
                <a:gd fmla="*/ 0 w 15" name="T10"/>
                <a:gd fmla="*/ 19 h 25" name="T11"/>
                <a:gd fmla="*/ 3 w 15" name="T12"/>
                <a:gd fmla="*/ 19 h 25" name="T13"/>
                <a:gd fmla="*/ 7 w 15" name="T14"/>
                <a:gd fmla="*/ 22 h 25" name="T15"/>
                <a:gd fmla="*/ 11 w 15" name="T16"/>
                <a:gd fmla="*/ 20 h 25" name="T17"/>
                <a:gd fmla="*/ 12 w 15" name="T18"/>
                <a:gd fmla="*/ 13 h 25" name="T19"/>
                <a:gd fmla="*/ 7 w 15" name="T20"/>
                <a:gd fmla="*/ 16 h 25" name="T21"/>
                <a:gd fmla="*/ 4 w 15" name="T22"/>
                <a:gd fmla="*/ 15 h 25" name="T23"/>
                <a:gd fmla="*/ 2 w 15" name="T24"/>
                <a:gd fmla="*/ 14 h 25" name="T25"/>
                <a:gd fmla="*/ 0 w 15" name="T26"/>
                <a:gd fmla="*/ 11 h 25" name="T27"/>
                <a:gd fmla="*/ 0 w 15" name="T28"/>
                <a:gd fmla="*/ 8 h 25" name="T29"/>
                <a:gd fmla="*/ 0 w 15" name="T30"/>
                <a:gd fmla="*/ 5 h 25" name="T31"/>
                <a:gd fmla="*/ 2 w 15" name="T32"/>
                <a:gd fmla="*/ 3 h 25" name="T33"/>
                <a:gd fmla="*/ 4 w 15" name="T34"/>
                <a:gd fmla="*/ 1 h 25" name="T35"/>
                <a:gd fmla="*/ 7 w 15" name="T36"/>
                <a:gd fmla="*/ 0 h 25" name="T37"/>
                <a:gd fmla="*/ 13 w 15" name="T38"/>
                <a:gd fmla="*/ 3 h 25" name="T39"/>
                <a:gd fmla="*/ 15 w 15" name="T40"/>
                <a:gd fmla="*/ 12 h 25" name="T41"/>
                <a:gd fmla="*/ 12 w 15" name="T42"/>
                <a:gd fmla="*/ 11 h 25" name="T43"/>
                <a:gd fmla="*/ 11 w 15" name="T44"/>
                <a:gd fmla="*/ 5 h 25" name="T45"/>
                <a:gd fmla="*/ 7 w 15" name="T46"/>
                <a:gd fmla="*/ 3 h 25" name="T47"/>
                <a:gd fmla="*/ 5 w 15" name="T48"/>
                <a:gd fmla="*/ 3 h 25" name="T49"/>
                <a:gd fmla="*/ 4 w 15" name="T50"/>
                <a:gd fmla="*/ 4 h 25" name="T51"/>
                <a:gd fmla="*/ 3 w 15" name="T52"/>
                <a:gd fmla="*/ 6 h 25" name="T53"/>
                <a:gd fmla="*/ 3 w 15" name="T54"/>
                <a:gd fmla="*/ 8 h 25" name="T55"/>
                <a:gd fmla="*/ 3 w 15" name="T56"/>
                <a:gd fmla="*/ 10 h 25" name="T57"/>
                <a:gd fmla="*/ 4 w 15" name="T58"/>
                <a:gd fmla="*/ 12 h 25" name="T59"/>
                <a:gd fmla="*/ 5 w 15" name="T60"/>
                <a:gd fmla="*/ 13 h 25" name="T61"/>
                <a:gd fmla="*/ 7 w 15" name="T62"/>
                <a:gd fmla="*/ 13 h 25" name="T63"/>
                <a:gd fmla="*/ 12 w 15" name="T64"/>
                <a:gd fmla="*/ 11 h 25" name="T65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</a:cxnLst>
              <a:rect b="b" l="0" r="r" t="0"/>
              <a:pathLst>
                <a:path h="25" w="15">
                  <a:moveTo>
                    <a:pt x="15" y="12"/>
                  </a:moveTo>
                  <a:cubicBezTo>
                    <a:pt x="15" y="20"/>
                    <a:pt x="12" y="25"/>
                    <a:pt x="7" y="25"/>
                  </a:cubicBezTo>
                  <a:cubicBezTo>
                    <a:pt x="6" y="25"/>
                    <a:pt x="5" y="24"/>
                    <a:pt x="4" y="24"/>
                  </a:cubicBezTo>
                  <a:cubicBezTo>
                    <a:pt x="4" y="24"/>
                    <a:pt x="3" y="24"/>
                    <a:pt x="2" y="23"/>
                  </a:cubicBezTo>
                  <a:cubicBezTo>
                    <a:pt x="2" y="23"/>
                    <a:pt x="1" y="22"/>
                    <a:pt x="1" y="21"/>
                  </a:cubicBezTo>
                  <a:cubicBezTo>
                    <a:pt x="1" y="21"/>
                    <a:pt x="0" y="20"/>
                    <a:pt x="0" y="19"/>
                  </a:cubicBezTo>
                  <a:cubicBezTo>
                    <a:pt x="3" y="19"/>
                    <a:pt x="3" y="19"/>
                    <a:pt x="3" y="19"/>
                  </a:cubicBezTo>
                  <a:cubicBezTo>
                    <a:pt x="4" y="21"/>
                    <a:pt x="5" y="22"/>
                    <a:pt x="7" y="22"/>
                  </a:cubicBezTo>
                  <a:cubicBezTo>
                    <a:pt x="9" y="22"/>
                    <a:pt x="10" y="21"/>
                    <a:pt x="11" y="20"/>
                  </a:cubicBezTo>
                  <a:cubicBezTo>
                    <a:pt x="11" y="18"/>
                    <a:pt x="12" y="16"/>
                    <a:pt x="12" y="13"/>
                  </a:cubicBezTo>
                  <a:cubicBezTo>
                    <a:pt x="11" y="15"/>
                    <a:pt x="9" y="16"/>
                    <a:pt x="7" y="16"/>
                  </a:cubicBezTo>
                  <a:cubicBezTo>
                    <a:pt x="6" y="16"/>
                    <a:pt x="5" y="16"/>
                    <a:pt x="4" y="15"/>
                  </a:cubicBezTo>
                  <a:cubicBezTo>
                    <a:pt x="3" y="15"/>
                    <a:pt x="2" y="14"/>
                    <a:pt x="2" y="14"/>
                  </a:cubicBezTo>
                  <a:cubicBezTo>
                    <a:pt x="1" y="13"/>
                    <a:pt x="1" y="12"/>
                    <a:pt x="0" y="11"/>
                  </a:cubicBezTo>
                  <a:cubicBezTo>
                    <a:pt x="0" y="10"/>
                    <a:pt x="0" y="9"/>
                    <a:pt x="0" y="8"/>
                  </a:cubicBezTo>
                  <a:cubicBezTo>
                    <a:pt x="0" y="7"/>
                    <a:pt x="0" y="6"/>
                    <a:pt x="0" y="5"/>
                  </a:cubicBezTo>
                  <a:cubicBezTo>
                    <a:pt x="1" y="4"/>
                    <a:pt x="1" y="3"/>
                    <a:pt x="2" y="3"/>
                  </a:cubicBezTo>
                  <a:cubicBezTo>
                    <a:pt x="2" y="2"/>
                    <a:pt x="3" y="1"/>
                    <a:pt x="4" y="1"/>
                  </a:cubicBezTo>
                  <a:cubicBezTo>
                    <a:pt x="5" y="0"/>
                    <a:pt x="6" y="0"/>
                    <a:pt x="7" y="0"/>
                  </a:cubicBezTo>
                  <a:cubicBezTo>
                    <a:pt x="10" y="0"/>
                    <a:pt x="12" y="1"/>
                    <a:pt x="13" y="3"/>
                  </a:cubicBezTo>
                  <a:cubicBezTo>
                    <a:pt x="15" y="5"/>
                    <a:pt x="15" y="8"/>
                    <a:pt x="15" y="12"/>
                  </a:cubicBezTo>
                  <a:moveTo>
                    <a:pt x="12" y="11"/>
                  </a:moveTo>
                  <a:cubicBezTo>
                    <a:pt x="12" y="8"/>
                    <a:pt x="12" y="6"/>
                    <a:pt x="11" y="5"/>
                  </a:cubicBezTo>
                  <a:cubicBezTo>
                    <a:pt x="10" y="3"/>
                    <a:pt x="9" y="3"/>
                    <a:pt x="7" y="3"/>
                  </a:cubicBezTo>
                  <a:cubicBezTo>
                    <a:pt x="7" y="3"/>
                    <a:pt x="6" y="3"/>
                    <a:pt x="5" y="3"/>
                  </a:cubicBezTo>
                  <a:cubicBezTo>
                    <a:pt x="5" y="3"/>
                    <a:pt x="4" y="4"/>
                    <a:pt x="4" y="4"/>
                  </a:cubicBezTo>
                  <a:cubicBezTo>
                    <a:pt x="4" y="5"/>
                    <a:pt x="3" y="5"/>
                    <a:pt x="3" y="6"/>
                  </a:cubicBezTo>
                  <a:cubicBezTo>
                    <a:pt x="3" y="7"/>
                    <a:pt x="3" y="7"/>
                    <a:pt x="3" y="8"/>
                  </a:cubicBezTo>
                  <a:cubicBezTo>
                    <a:pt x="3" y="9"/>
                    <a:pt x="3" y="10"/>
                    <a:pt x="3" y="10"/>
                  </a:cubicBezTo>
                  <a:cubicBezTo>
                    <a:pt x="3" y="11"/>
                    <a:pt x="4" y="11"/>
                    <a:pt x="4" y="12"/>
                  </a:cubicBezTo>
                  <a:cubicBezTo>
                    <a:pt x="4" y="12"/>
                    <a:pt x="5" y="13"/>
                    <a:pt x="5" y="13"/>
                  </a:cubicBezTo>
                  <a:cubicBezTo>
                    <a:pt x="6" y="13"/>
                    <a:pt x="7" y="13"/>
                    <a:pt x="7" y="13"/>
                  </a:cubicBezTo>
                  <a:cubicBezTo>
                    <a:pt x="9" y="13"/>
                    <a:pt x="11" y="13"/>
                    <a:pt x="12" y="11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" name="Freeform 17"/>
            <p:cNvSpPr>
              <a:spLocks noEditPoints="1"/>
            </p:cNvSpPr>
            <p:nvPr/>
          </p:nvSpPr>
          <p:spPr bwMode="auto">
            <a:xfrm>
              <a:off x="4562475" y="1414463"/>
              <a:ext cx="155575" cy="155575"/>
            </a:xfrm>
            <a:custGeom>
              <a:gdLst>
                <a:gd fmla="*/ 11 w 25" name="T0"/>
                <a:gd fmla="*/ 6 h 25" name="T1"/>
                <a:gd fmla="*/ 10 w 25" name="T2"/>
                <a:gd fmla="*/ 9 h 25" name="T3"/>
                <a:gd fmla="*/ 9 w 25" name="T4"/>
                <a:gd fmla="*/ 11 h 25" name="T5"/>
                <a:gd fmla="*/ 7 w 25" name="T6"/>
                <a:gd fmla="*/ 12 h 25" name="T7"/>
                <a:gd fmla="*/ 5 w 25" name="T8"/>
                <a:gd fmla="*/ 13 h 25" name="T9"/>
                <a:gd fmla="*/ 3 w 25" name="T10"/>
                <a:gd fmla="*/ 12 h 25" name="T11"/>
                <a:gd fmla="*/ 1 w 25" name="T12"/>
                <a:gd fmla="*/ 11 h 25" name="T13"/>
                <a:gd fmla="*/ 0 w 25" name="T14"/>
                <a:gd fmla="*/ 9 h 25" name="T15"/>
                <a:gd fmla="*/ 0 w 25" name="T16"/>
                <a:gd fmla="*/ 6 h 25" name="T17"/>
                <a:gd fmla="*/ 0 w 25" name="T18"/>
                <a:gd fmla="*/ 4 h 25" name="T19"/>
                <a:gd fmla="*/ 1 w 25" name="T20"/>
                <a:gd fmla="*/ 2 h 25" name="T21"/>
                <a:gd fmla="*/ 3 w 25" name="T22"/>
                <a:gd fmla="*/ 1 h 25" name="T23"/>
                <a:gd fmla="*/ 5 w 25" name="T24"/>
                <a:gd fmla="*/ 0 h 25" name="T25"/>
                <a:gd fmla="*/ 7 w 25" name="T26"/>
                <a:gd fmla="*/ 1 h 25" name="T27"/>
                <a:gd fmla="*/ 9 w 25" name="T28"/>
                <a:gd fmla="*/ 2 h 25" name="T29"/>
                <a:gd fmla="*/ 10 w 25" name="T30"/>
                <a:gd fmla="*/ 4 h 25" name="T31"/>
                <a:gd fmla="*/ 11 w 25" name="T32"/>
                <a:gd fmla="*/ 6 h 25" name="T33"/>
                <a:gd fmla="*/ 8 w 25" name="T34"/>
                <a:gd fmla="*/ 6 h 25" name="T35"/>
                <a:gd fmla="*/ 5 w 25" name="T36"/>
                <a:gd fmla="*/ 2 h 25" name="T37"/>
                <a:gd fmla="*/ 2 w 25" name="T38"/>
                <a:gd fmla="*/ 6 h 25" name="T39"/>
                <a:gd fmla="*/ 5 w 25" name="T40"/>
                <a:gd fmla="*/ 11 h 25" name="T41"/>
                <a:gd fmla="*/ 8 w 25" name="T42"/>
                <a:gd fmla="*/ 6 h 25" name="T43"/>
                <a:gd fmla="*/ 20 w 25" name="T44"/>
                <a:gd fmla="*/ 1 h 25" name="T45"/>
                <a:gd fmla="*/ 7 w 25" name="T46"/>
                <a:gd fmla="*/ 24 h 25" name="T47"/>
                <a:gd fmla="*/ 5 w 25" name="T48"/>
                <a:gd fmla="*/ 24 h 25" name="T49"/>
                <a:gd fmla="*/ 18 w 25" name="T50"/>
                <a:gd fmla="*/ 1 h 25" name="T51"/>
                <a:gd fmla="*/ 20 w 25" name="T52"/>
                <a:gd fmla="*/ 1 h 25" name="T53"/>
                <a:gd fmla="*/ 25 w 25" name="T54"/>
                <a:gd fmla="*/ 18 h 25" name="T55"/>
                <a:gd fmla="*/ 25 w 25" name="T56"/>
                <a:gd fmla="*/ 21 h 25" name="T57"/>
                <a:gd fmla="*/ 24 w 25" name="T58"/>
                <a:gd fmla="*/ 23 h 25" name="T59"/>
                <a:gd fmla="*/ 22 w 25" name="T60"/>
                <a:gd fmla="*/ 24 h 25" name="T61"/>
                <a:gd fmla="*/ 20 w 25" name="T62"/>
                <a:gd fmla="*/ 25 h 25" name="T63"/>
                <a:gd fmla="*/ 17 w 25" name="T64"/>
                <a:gd fmla="*/ 24 h 25" name="T65"/>
                <a:gd fmla="*/ 16 w 25" name="T66"/>
                <a:gd fmla="*/ 23 h 25" name="T67"/>
                <a:gd fmla="*/ 15 w 25" name="T68"/>
                <a:gd fmla="*/ 21 h 25" name="T69"/>
                <a:gd fmla="*/ 14 w 25" name="T70"/>
                <a:gd fmla="*/ 18 h 25" name="T71"/>
                <a:gd fmla="*/ 15 w 25" name="T72"/>
                <a:gd fmla="*/ 16 h 25" name="T73"/>
                <a:gd fmla="*/ 16 w 25" name="T74"/>
                <a:gd fmla="*/ 14 h 25" name="T75"/>
                <a:gd fmla="*/ 17 w 25" name="T76"/>
                <a:gd fmla="*/ 12 h 25" name="T77"/>
                <a:gd fmla="*/ 20 w 25" name="T78"/>
                <a:gd fmla="*/ 12 h 25" name="T79"/>
                <a:gd fmla="*/ 22 w 25" name="T80"/>
                <a:gd fmla="*/ 12 h 25" name="T81"/>
                <a:gd fmla="*/ 24 w 25" name="T82"/>
                <a:gd fmla="*/ 14 h 25" name="T83"/>
                <a:gd fmla="*/ 25 w 25" name="T84"/>
                <a:gd fmla="*/ 16 h 25" name="T85"/>
                <a:gd fmla="*/ 25 w 25" name="T86"/>
                <a:gd fmla="*/ 18 h 25" name="T87"/>
                <a:gd fmla="*/ 22 w 25" name="T88"/>
                <a:gd fmla="*/ 18 h 25" name="T89"/>
                <a:gd fmla="*/ 20 w 25" name="T90"/>
                <a:gd fmla="*/ 14 h 25" name="T91"/>
                <a:gd fmla="*/ 17 w 25" name="T92"/>
                <a:gd fmla="*/ 18 h 25" name="T93"/>
                <a:gd fmla="*/ 20 w 25" name="T94"/>
                <a:gd fmla="*/ 23 h 25" name="T95"/>
                <a:gd fmla="*/ 22 w 25" name="T96"/>
                <a:gd fmla="*/ 18 h 25" name="T97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</a:cxnLst>
              <a:rect b="b" l="0" r="r" t="0"/>
              <a:pathLst>
                <a:path h="25" w="25">
                  <a:moveTo>
                    <a:pt x="11" y="6"/>
                  </a:moveTo>
                  <a:cubicBezTo>
                    <a:pt x="11" y="7"/>
                    <a:pt x="10" y="8"/>
                    <a:pt x="10" y="9"/>
                  </a:cubicBezTo>
                  <a:cubicBezTo>
                    <a:pt x="10" y="10"/>
                    <a:pt x="10" y="11"/>
                    <a:pt x="9" y="11"/>
                  </a:cubicBezTo>
                  <a:cubicBezTo>
                    <a:pt x="9" y="12"/>
                    <a:pt x="8" y="12"/>
                    <a:pt x="7" y="12"/>
                  </a:cubicBezTo>
                  <a:cubicBezTo>
                    <a:pt x="7" y="13"/>
                    <a:pt x="6" y="13"/>
                    <a:pt x="5" y="13"/>
                  </a:cubicBezTo>
                  <a:cubicBezTo>
                    <a:pt x="4" y="13"/>
                    <a:pt x="4" y="13"/>
                    <a:pt x="3" y="12"/>
                  </a:cubicBezTo>
                  <a:cubicBezTo>
                    <a:pt x="2" y="12"/>
                    <a:pt x="2" y="12"/>
                    <a:pt x="1" y="11"/>
                  </a:cubicBezTo>
                  <a:cubicBezTo>
                    <a:pt x="1" y="10"/>
                    <a:pt x="0" y="10"/>
                    <a:pt x="0" y="9"/>
                  </a:cubicBezTo>
                  <a:cubicBezTo>
                    <a:pt x="0" y="8"/>
                    <a:pt x="0" y="7"/>
                    <a:pt x="0" y="6"/>
                  </a:cubicBezTo>
                  <a:cubicBezTo>
                    <a:pt x="0" y="5"/>
                    <a:pt x="0" y="5"/>
                    <a:pt x="0" y="4"/>
                  </a:cubicBezTo>
                  <a:cubicBezTo>
                    <a:pt x="0" y="3"/>
                    <a:pt x="1" y="2"/>
                    <a:pt x="1" y="2"/>
                  </a:cubicBezTo>
                  <a:cubicBezTo>
                    <a:pt x="2" y="1"/>
                    <a:pt x="2" y="1"/>
                    <a:pt x="3" y="1"/>
                  </a:cubicBezTo>
                  <a:cubicBezTo>
                    <a:pt x="4" y="0"/>
                    <a:pt x="4" y="0"/>
                    <a:pt x="5" y="0"/>
                  </a:cubicBezTo>
                  <a:cubicBezTo>
                    <a:pt x="6" y="0"/>
                    <a:pt x="7" y="0"/>
                    <a:pt x="7" y="1"/>
                  </a:cubicBezTo>
                  <a:cubicBezTo>
                    <a:pt x="8" y="1"/>
                    <a:pt x="9" y="1"/>
                    <a:pt x="9" y="2"/>
                  </a:cubicBezTo>
                  <a:cubicBezTo>
                    <a:pt x="10" y="2"/>
                    <a:pt x="10" y="3"/>
                    <a:pt x="10" y="4"/>
                  </a:cubicBezTo>
                  <a:cubicBezTo>
                    <a:pt x="10" y="5"/>
                    <a:pt x="11" y="5"/>
                    <a:pt x="11" y="6"/>
                  </a:cubicBezTo>
                  <a:moveTo>
                    <a:pt x="8" y="6"/>
                  </a:moveTo>
                  <a:cubicBezTo>
                    <a:pt x="8" y="4"/>
                    <a:pt x="7" y="2"/>
                    <a:pt x="5" y="2"/>
                  </a:cubicBezTo>
                  <a:cubicBezTo>
                    <a:pt x="3" y="2"/>
                    <a:pt x="2" y="4"/>
                    <a:pt x="2" y="6"/>
                  </a:cubicBezTo>
                  <a:cubicBezTo>
                    <a:pt x="2" y="9"/>
                    <a:pt x="3" y="11"/>
                    <a:pt x="5" y="11"/>
                  </a:cubicBezTo>
                  <a:cubicBezTo>
                    <a:pt x="7" y="11"/>
                    <a:pt x="8" y="9"/>
                    <a:pt x="8" y="6"/>
                  </a:cubicBezTo>
                  <a:moveTo>
                    <a:pt x="20" y="1"/>
                  </a:moveTo>
                  <a:cubicBezTo>
                    <a:pt x="7" y="24"/>
                    <a:pt x="7" y="24"/>
                    <a:pt x="7" y="24"/>
                  </a:cubicBezTo>
                  <a:cubicBezTo>
                    <a:pt x="5" y="24"/>
                    <a:pt x="5" y="24"/>
                    <a:pt x="5" y="24"/>
                  </a:cubicBezTo>
                  <a:cubicBezTo>
                    <a:pt x="18" y="1"/>
                    <a:pt x="18" y="1"/>
                    <a:pt x="18" y="1"/>
                  </a:cubicBezTo>
                  <a:lnTo>
                    <a:pt x="20" y="1"/>
                  </a:lnTo>
                  <a:close/>
                  <a:moveTo>
                    <a:pt x="25" y="18"/>
                  </a:moveTo>
                  <a:cubicBezTo>
                    <a:pt x="25" y="19"/>
                    <a:pt x="25" y="20"/>
                    <a:pt x="25" y="21"/>
                  </a:cubicBezTo>
                  <a:cubicBezTo>
                    <a:pt x="24" y="22"/>
                    <a:pt x="24" y="22"/>
                    <a:pt x="24" y="23"/>
                  </a:cubicBezTo>
                  <a:cubicBezTo>
                    <a:pt x="23" y="23"/>
                    <a:pt x="23" y="24"/>
                    <a:pt x="22" y="24"/>
                  </a:cubicBezTo>
                  <a:cubicBezTo>
                    <a:pt x="21" y="24"/>
                    <a:pt x="20" y="25"/>
                    <a:pt x="20" y="25"/>
                  </a:cubicBezTo>
                  <a:cubicBezTo>
                    <a:pt x="19" y="25"/>
                    <a:pt x="18" y="24"/>
                    <a:pt x="17" y="24"/>
                  </a:cubicBezTo>
                  <a:cubicBezTo>
                    <a:pt x="17" y="24"/>
                    <a:pt x="16" y="23"/>
                    <a:pt x="16" y="23"/>
                  </a:cubicBezTo>
                  <a:cubicBezTo>
                    <a:pt x="15" y="22"/>
                    <a:pt x="15" y="22"/>
                    <a:pt x="15" y="21"/>
                  </a:cubicBezTo>
                  <a:cubicBezTo>
                    <a:pt x="14" y="20"/>
                    <a:pt x="14" y="19"/>
                    <a:pt x="14" y="18"/>
                  </a:cubicBezTo>
                  <a:cubicBezTo>
                    <a:pt x="14" y="17"/>
                    <a:pt x="14" y="17"/>
                    <a:pt x="15" y="16"/>
                  </a:cubicBezTo>
                  <a:cubicBezTo>
                    <a:pt x="15" y="15"/>
                    <a:pt x="15" y="14"/>
                    <a:pt x="16" y="14"/>
                  </a:cubicBezTo>
                  <a:cubicBezTo>
                    <a:pt x="16" y="13"/>
                    <a:pt x="17" y="13"/>
                    <a:pt x="17" y="12"/>
                  </a:cubicBezTo>
                  <a:cubicBezTo>
                    <a:pt x="18" y="12"/>
                    <a:pt x="19" y="12"/>
                    <a:pt x="20" y="12"/>
                  </a:cubicBezTo>
                  <a:cubicBezTo>
                    <a:pt x="20" y="12"/>
                    <a:pt x="21" y="12"/>
                    <a:pt x="22" y="12"/>
                  </a:cubicBezTo>
                  <a:cubicBezTo>
                    <a:pt x="23" y="13"/>
                    <a:pt x="23" y="13"/>
                    <a:pt x="24" y="14"/>
                  </a:cubicBezTo>
                  <a:cubicBezTo>
                    <a:pt x="24" y="14"/>
                    <a:pt x="24" y="15"/>
                    <a:pt x="25" y="16"/>
                  </a:cubicBezTo>
                  <a:cubicBezTo>
                    <a:pt x="25" y="17"/>
                    <a:pt x="25" y="17"/>
                    <a:pt x="25" y="18"/>
                  </a:cubicBezTo>
                  <a:moveTo>
                    <a:pt x="22" y="18"/>
                  </a:moveTo>
                  <a:cubicBezTo>
                    <a:pt x="22" y="15"/>
                    <a:pt x="22" y="14"/>
                    <a:pt x="20" y="14"/>
                  </a:cubicBezTo>
                  <a:cubicBezTo>
                    <a:pt x="18" y="14"/>
                    <a:pt x="17" y="15"/>
                    <a:pt x="17" y="18"/>
                  </a:cubicBezTo>
                  <a:cubicBezTo>
                    <a:pt x="17" y="21"/>
                    <a:pt x="18" y="23"/>
                    <a:pt x="20" y="23"/>
                  </a:cubicBezTo>
                  <a:cubicBezTo>
                    <a:pt x="22" y="23"/>
                    <a:pt x="22" y="21"/>
                    <a:pt x="22" y="18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grpSp>
        <p:nvGrpSpPr>
          <p:cNvPr id="7" name="组合 6"/>
          <p:cNvGrpSpPr/>
          <p:nvPr/>
        </p:nvGrpSpPr>
        <p:grpSpPr>
          <a:xfrm>
            <a:off x="2961061" y="3038561"/>
            <a:ext cx="2093913" cy="2092325"/>
            <a:chOff x="3521075" y="2154238"/>
            <a:chExt cx="2093913" cy="2092325"/>
          </a:xfrm>
        </p:grpSpPr>
        <p:sp>
          <p:nvSpPr>
            <p:cNvPr id="8" name="Oval 7"/>
            <p:cNvSpPr>
              <a:spLocks noChangeArrowheads="1"/>
            </p:cNvSpPr>
            <p:nvPr/>
          </p:nvSpPr>
          <p:spPr bwMode="auto">
            <a:xfrm>
              <a:off x="3521075" y="2154238"/>
              <a:ext cx="2093913" cy="2092325"/>
            </a:xfrm>
            <a:prstGeom prst="ellipse">
              <a:avLst/>
            </a:prstGeom>
            <a:solidFill>
              <a:srgbClr val="557773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" name="Freeform 9"/>
            <p:cNvSpPr/>
            <p:nvPr/>
          </p:nvSpPr>
          <p:spPr bwMode="auto">
            <a:xfrm>
              <a:off x="4356100" y="2478088"/>
              <a:ext cx="100013" cy="155575"/>
            </a:xfrm>
            <a:custGeom>
              <a:gdLst>
                <a:gd fmla="*/ 16 w 16" name="T0"/>
                <a:gd fmla="*/ 25 h 25" name="T1"/>
                <a:gd fmla="*/ 0 w 16" name="T2"/>
                <a:gd fmla="*/ 25 h 25" name="T3"/>
                <a:gd fmla="*/ 1 w 16" name="T4"/>
                <a:gd fmla="*/ 20 h 25" name="T5"/>
                <a:gd fmla="*/ 3 w 16" name="T6"/>
                <a:gd fmla="*/ 18 h 25" name="T7"/>
                <a:gd fmla="*/ 6 w 16" name="T8"/>
                <a:gd fmla="*/ 16 h 25" name="T9"/>
                <a:gd fmla="*/ 9 w 16" name="T10"/>
                <a:gd fmla="*/ 13 h 25" name="T11"/>
                <a:gd fmla="*/ 11 w 16" name="T12"/>
                <a:gd fmla="*/ 11 h 25" name="T13"/>
                <a:gd fmla="*/ 12 w 16" name="T14"/>
                <a:gd fmla="*/ 7 h 25" name="T15"/>
                <a:gd fmla="*/ 11 w 16" name="T16"/>
                <a:gd fmla="*/ 4 h 25" name="T17"/>
                <a:gd fmla="*/ 8 w 16" name="T18"/>
                <a:gd fmla="*/ 3 h 25" name="T19"/>
                <a:gd fmla="*/ 5 w 16" name="T20"/>
                <a:gd fmla="*/ 4 h 25" name="T21"/>
                <a:gd fmla="*/ 4 w 16" name="T22"/>
                <a:gd fmla="*/ 7 h 25" name="T23"/>
                <a:gd fmla="*/ 0 w 16" name="T24"/>
                <a:gd fmla="*/ 7 h 25" name="T25"/>
                <a:gd fmla="*/ 1 w 16" name="T26"/>
                <a:gd fmla="*/ 4 h 25" name="T27"/>
                <a:gd fmla="*/ 3 w 16" name="T28"/>
                <a:gd fmla="*/ 2 h 25" name="T29"/>
                <a:gd fmla="*/ 5 w 16" name="T30"/>
                <a:gd fmla="*/ 1 h 25" name="T31"/>
                <a:gd fmla="*/ 8 w 16" name="T32"/>
                <a:gd fmla="*/ 0 h 25" name="T33"/>
                <a:gd fmla="*/ 11 w 16" name="T34"/>
                <a:gd fmla="*/ 1 h 25" name="T35"/>
                <a:gd fmla="*/ 14 w 16" name="T36"/>
                <a:gd fmla="*/ 2 h 25" name="T37"/>
                <a:gd fmla="*/ 15 w 16" name="T38"/>
                <a:gd fmla="*/ 5 h 25" name="T39"/>
                <a:gd fmla="*/ 16 w 16" name="T40"/>
                <a:gd fmla="*/ 7 h 25" name="T41"/>
                <a:gd fmla="*/ 15 w 16" name="T42"/>
                <a:gd fmla="*/ 10 h 25" name="T43"/>
                <a:gd fmla="*/ 14 w 16" name="T44"/>
                <a:gd fmla="*/ 12 h 25" name="T45"/>
                <a:gd fmla="*/ 12 w 16" name="T46"/>
                <a:gd fmla="*/ 14 h 25" name="T47"/>
                <a:gd fmla="*/ 8 w 16" name="T48"/>
                <a:gd fmla="*/ 17 h 25" name="T49"/>
                <a:gd fmla="*/ 4 w 16" name="T50"/>
                <a:gd fmla="*/ 22 h 25" name="T51"/>
                <a:gd fmla="*/ 16 w 16" name="T52"/>
                <a:gd fmla="*/ 22 h 25" name="T53"/>
                <a:gd fmla="*/ 16 w 16" name="T54"/>
                <a:gd fmla="*/ 25 h 25" name="T55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b="b" l="0" r="r" t="0"/>
              <a:pathLst>
                <a:path h="25" w="16">
                  <a:moveTo>
                    <a:pt x="16" y="25"/>
                  </a:moveTo>
                  <a:cubicBezTo>
                    <a:pt x="0" y="25"/>
                    <a:pt x="0" y="25"/>
                    <a:pt x="0" y="25"/>
                  </a:cubicBezTo>
                  <a:cubicBezTo>
                    <a:pt x="0" y="23"/>
                    <a:pt x="0" y="22"/>
                    <a:pt x="1" y="20"/>
                  </a:cubicBezTo>
                  <a:cubicBezTo>
                    <a:pt x="2" y="20"/>
                    <a:pt x="2" y="19"/>
                    <a:pt x="3" y="18"/>
                  </a:cubicBezTo>
                  <a:cubicBezTo>
                    <a:pt x="4" y="17"/>
                    <a:pt x="5" y="17"/>
                    <a:pt x="6" y="16"/>
                  </a:cubicBezTo>
                  <a:cubicBezTo>
                    <a:pt x="7" y="15"/>
                    <a:pt x="8" y="14"/>
                    <a:pt x="9" y="13"/>
                  </a:cubicBezTo>
                  <a:cubicBezTo>
                    <a:pt x="10" y="12"/>
                    <a:pt x="11" y="12"/>
                    <a:pt x="11" y="11"/>
                  </a:cubicBezTo>
                  <a:cubicBezTo>
                    <a:pt x="12" y="10"/>
                    <a:pt x="12" y="9"/>
                    <a:pt x="12" y="7"/>
                  </a:cubicBezTo>
                  <a:cubicBezTo>
                    <a:pt x="12" y="6"/>
                    <a:pt x="12" y="5"/>
                    <a:pt x="11" y="4"/>
                  </a:cubicBezTo>
                  <a:cubicBezTo>
                    <a:pt x="11" y="3"/>
                    <a:pt x="9" y="3"/>
                    <a:pt x="8" y="3"/>
                  </a:cubicBezTo>
                  <a:cubicBezTo>
                    <a:pt x="7" y="3"/>
                    <a:pt x="6" y="3"/>
                    <a:pt x="5" y="4"/>
                  </a:cubicBezTo>
                  <a:cubicBezTo>
                    <a:pt x="4" y="5"/>
                    <a:pt x="4" y="6"/>
                    <a:pt x="4" y="7"/>
                  </a:cubicBezTo>
                  <a:cubicBezTo>
                    <a:pt x="0" y="7"/>
                    <a:pt x="0" y="7"/>
                    <a:pt x="0" y="7"/>
                  </a:cubicBezTo>
                  <a:cubicBezTo>
                    <a:pt x="1" y="6"/>
                    <a:pt x="1" y="5"/>
                    <a:pt x="1" y="4"/>
                  </a:cubicBezTo>
                  <a:cubicBezTo>
                    <a:pt x="2" y="4"/>
                    <a:pt x="2" y="3"/>
                    <a:pt x="3" y="2"/>
                  </a:cubicBezTo>
                  <a:cubicBezTo>
                    <a:pt x="3" y="2"/>
                    <a:pt x="4" y="1"/>
                    <a:pt x="5" y="1"/>
                  </a:cubicBezTo>
                  <a:cubicBezTo>
                    <a:pt x="6" y="1"/>
                    <a:pt x="7" y="0"/>
                    <a:pt x="8" y="0"/>
                  </a:cubicBezTo>
                  <a:cubicBezTo>
                    <a:pt x="9" y="0"/>
                    <a:pt x="10" y="1"/>
                    <a:pt x="11" y="1"/>
                  </a:cubicBezTo>
                  <a:cubicBezTo>
                    <a:pt x="12" y="1"/>
                    <a:pt x="13" y="2"/>
                    <a:pt x="14" y="2"/>
                  </a:cubicBezTo>
                  <a:cubicBezTo>
                    <a:pt x="14" y="3"/>
                    <a:pt x="15" y="4"/>
                    <a:pt x="15" y="5"/>
                  </a:cubicBezTo>
                  <a:cubicBezTo>
                    <a:pt x="15" y="5"/>
                    <a:pt x="16" y="6"/>
                    <a:pt x="16" y="7"/>
                  </a:cubicBezTo>
                  <a:cubicBezTo>
                    <a:pt x="16" y="8"/>
                    <a:pt x="15" y="9"/>
                    <a:pt x="15" y="10"/>
                  </a:cubicBezTo>
                  <a:cubicBezTo>
                    <a:pt x="15" y="10"/>
                    <a:pt x="15" y="11"/>
                    <a:pt x="14" y="12"/>
                  </a:cubicBezTo>
                  <a:cubicBezTo>
                    <a:pt x="14" y="12"/>
                    <a:pt x="13" y="13"/>
                    <a:pt x="12" y="14"/>
                  </a:cubicBezTo>
                  <a:cubicBezTo>
                    <a:pt x="11" y="15"/>
                    <a:pt x="10" y="16"/>
                    <a:pt x="8" y="17"/>
                  </a:cubicBezTo>
                  <a:cubicBezTo>
                    <a:pt x="6" y="20"/>
                    <a:pt x="4" y="21"/>
                    <a:pt x="4" y="22"/>
                  </a:cubicBezTo>
                  <a:cubicBezTo>
                    <a:pt x="16" y="22"/>
                    <a:pt x="16" y="22"/>
                    <a:pt x="16" y="22"/>
                  </a:cubicBezTo>
                  <a:lnTo>
                    <a:pt x="16" y="2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0" name="Freeform 10"/>
            <p:cNvSpPr/>
            <p:nvPr/>
          </p:nvSpPr>
          <p:spPr bwMode="auto">
            <a:xfrm>
              <a:off x="4475163" y="2484438"/>
              <a:ext cx="92075" cy="149225"/>
            </a:xfrm>
            <a:custGeom>
              <a:gdLst>
                <a:gd fmla="*/ 15 w 15" name="T0"/>
                <a:gd fmla="*/ 16 h 24" name="T1"/>
                <a:gd fmla="*/ 15 w 15" name="T2"/>
                <a:gd fmla="*/ 19 h 24" name="T3"/>
                <a:gd fmla="*/ 13 w 15" name="T4"/>
                <a:gd fmla="*/ 22 h 24" name="T5"/>
                <a:gd fmla="*/ 11 w 15" name="T6"/>
                <a:gd fmla="*/ 23 h 24" name="T7"/>
                <a:gd fmla="*/ 7 w 15" name="T8"/>
                <a:gd fmla="*/ 24 h 24" name="T9"/>
                <a:gd fmla="*/ 4 w 15" name="T10"/>
                <a:gd fmla="*/ 24 h 24" name="T11"/>
                <a:gd fmla="*/ 2 w 15" name="T12"/>
                <a:gd fmla="*/ 22 h 24" name="T13"/>
                <a:gd fmla="*/ 0 w 15" name="T14"/>
                <a:gd fmla="*/ 20 h 24" name="T15"/>
                <a:gd fmla="*/ 0 w 15" name="T16"/>
                <a:gd fmla="*/ 17 h 24" name="T17"/>
                <a:gd fmla="*/ 3 w 15" name="T18"/>
                <a:gd fmla="*/ 17 h 24" name="T19"/>
                <a:gd fmla="*/ 4 w 15" name="T20"/>
                <a:gd fmla="*/ 21 h 24" name="T21"/>
                <a:gd fmla="*/ 7 w 15" name="T22"/>
                <a:gd fmla="*/ 22 h 24" name="T23"/>
                <a:gd fmla="*/ 9 w 15" name="T24"/>
                <a:gd fmla="*/ 21 h 24" name="T25"/>
                <a:gd fmla="*/ 11 w 15" name="T26"/>
                <a:gd fmla="*/ 20 h 24" name="T27"/>
                <a:gd fmla="*/ 12 w 15" name="T28"/>
                <a:gd fmla="*/ 18 h 24" name="T29"/>
                <a:gd fmla="*/ 12 w 15" name="T30"/>
                <a:gd fmla="*/ 16 h 24" name="T31"/>
                <a:gd fmla="*/ 12 w 15" name="T32"/>
                <a:gd fmla="*/ 14 h 24" name="T33"/>
                <a:gd fmla="*/ 11 w 15" name="T34"/>
                <a:gd fmla="*/ 12 h 24" name="T35"/>
                <a:gd fmla="*/ 9 w 15" name="T36"/>
                <a:gd fmla="*/ 11 h 24" name="T37"/>
                <a:gd fmla="*/ 7 w 15" name="T38"/>
                <a:gd fmla="*/ 10 h 24" name="T39"/>
                <a:gd fmla="*/ 3 w 15" name="T40"/>
                <a:gd fmla="*/ 12 h 24" name="T41"/>
                <a:gd fmla="*/ 1 w 15" name="T42"/>
                <a:gd fmla="*/ 12 h 24" name="T43"/>
                <a:gd fmla="*/ 2 w 15" name="T44"/>
                <a:gd fmla="*/ 0 h 24" name="T45"/>
                <a:gd fmla="*/ 14 w 15" name="T46"/>
                <a:gd fmla="*/ 0 h 24" name="T47"/>
                <a:gd fmla="*/ 14 w 15" name="T48"/>
                <a:gd fmla="*/ 3 h 24" name="T49"/>
                <a:gd fmla="*/ 4 w 15" name="T50"/>
                <a:gd fmla="*/ 3 h 24" name="T51"/>
                <a:gd fmla="*/ 4 w 15" name="T52"/>
                <a:gd fmla="*/ 9 h 24" name="T53"/>
                <a:gd fmla="*/ 8 w 15" name="T54"/>
                <a:gd fmla="*/ 8 h 24" name="T55"/>
                <a:gd fmla="*/ 11 w 15" name="T56"/>
                <a:gd fmla="*/ 8 h 24" name="T57"/>
                <a:gd fmla="*/ 13 w 15" name="T58"/>
                <a:gd fmla="*/ 10 h 24" name="T59"/>
                <a:gd fmla="*/ 15 w 15" name="T60"/>
                <a:gd fmla="*/ 12 h 24" name="T61"/>
                <a:gd fmla="*/ 15 w 15" name="T62"/>
                <a:gd fmla="*/ 16 h 24" name="T6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b="b" l="0" r="r" t="0"/>
              <a:pathLst>
                <a:path h="24" w="15">
                  <a:moveTo>
                    <a:pt x="15" y="16"/>
                  </a:moveTo>
                  <a:cubicBezTo>
                    <a:pt x="15" y="17"/>
                    <a:pt x="15" y="18"/>
                    <a:pt x="15" y="19"/>
                  </a:cubicBezTo>
                  <a:cubicBezTo>
                    <a:pt x="14" y="20"/>
                    <a:pt x="14" y="21"/>
                    <a:pt x="13" y="22"/>
                  </a:cubicBezTo>
                  <a:cubicBezTo>
                    <a:pt x="12" y="22"/>
                    <a:pt x="12" y="23"/>
                    <a:pt x="11" y="23"/>
                  </a:cubicBezTo>
                  <a:cubicBezTo>
                    <a:pt x="10" y="24"/>
                    <a:pt x="9" y="24"/>
                    <a:pt x="7" y="24"/>
                  </a:cubicBezTo>
                  <a:cubicBezTo>
                    <a:pt x="6" y="24"/>
                    <a:pt x="5" y="24"/>
                    <a:pt x="4" y="24"/>
                  </a:cubicBezTo>
                  <a:cubicBezTo>
                    <a:pt x="4" y="23"/>
                    <a:pt x="3" y="23"/>
                    <a:pt x="2" y="22"/>
                  </a:cubicBezTo>
                  <a:cubicBezTo>
                    <a:pt x="1" y="22"/>
                    <a:pt x="1" y="21"/>
                    <a:pt x="0" y="20"/>
                  </a:cubicBezTo>
                  <a:cubicBezTo>
                    <a:pt x="0" y="19"/>
                    <a:pt x="0" y="18"/>
                    <a:pt x="0" y="17"/>
                  </a:cubicBezTo>
                  <a:cubicBezTo>
                    <a:pt x="3" y="17"/>
                    <a:pt x="3" y="17"/>
                    <a:pt x="3" y="17"/>
                  </a:cubicBezTo>
                  <a:cubicBezTo>
                    <a:pt x="3" y="19"/>
                    <a:pt x="4" y="20"/>
                    <a:pt x="4" y="21"/>
                  </a:cubicBezTo>
                  <a:cubicBezTo>
                    <a:pt x="5" y="21"/>
                    <a:pt x="6" y="22"/>
                    <a:pt x="7" y="22"/>
                  </a:cubicBezTo>
                  <a:cubicBezTo>
                    <a:pt x="8" y="22"/>
                    <a:pt x="9" y="21"/>
                    <a:pt x="9" y="21"/>
                  </a:cubicBezTo>
                  <a:cubicBezTo>
                    <a:pt x="10" y="21"/>
                    <a:pt x="10" y="20"/>
                    <a:pt x="11" y="20"/>
                  </a:cubicBezTo>
                  <a:cubicBezTo>
                    <a:pt x="11" y="19"/>
                    <a:pt x="12" y="19"/>
                    <a:pt x="12" y="18"/>
                  </a:cubicBezTo>
                  <a:cubicBezTo>
                    <a:pt x="12" y="17"/>
                    <a:pt x="12" y="17"/>
                    <a:pt x="12" y="16"/>
                  </a:cubicBezTo>
                  <a:cubicBezTo>
                    <a:pt x="12" y="15"/>
                    <a:pt x="12" y="14"/>
                    <a:pt x="12" y="14"/>
                  </a:cubicBezTo>
                  <a:cubicBezTo>
                    <a:pt x="12" y="13"/>
                    <a:pt x="11" y="12"/>
                    <a:pt x="11" y="12"/>
                  </a:cubicBezTo>
                  <a:cubicBezTo>
                    <a:pt x="10" y="11"/>
                    <a:pt x="10" y="11"/>
                    <a:pt x="9" y="11"/>
                  </a:cubicBezTo>
                  <a:cubicBezTo>
                    <a:pt x="9" y="11"/>
                    <a:pt x="8" y="10"/>
                    <a:pt x="7" y="10"/>
                  </a:cubicBezTo>
                  <a:cubicBezTo>
                    <a:pt x="6" y="10"/>
                    <a:pt x="4" y="11"/>
                    <a:pt x="3" y="12"/>
                  </a:cubicBezTo>
                  <a:cubicBezTo>
                    <a:pt x="1" y="12"/>
                    <a:pt x="1" y="12"/>
                    <a:pt x="1" y="12"/>
                  </a:cubicBezTo>
                  <a:cubicBezTo>
                    <a:pt x="2" y="0"/>
                    <a:pt x="2" y="0"/>
                    <a:pt x="2" y="0"/>
                  </a:cubicBezTo>
                  <a:cubicBezTo>
                    <a:pt x="14" y="0"/>
                    <a:pt x="14" y="0"/>
                    <a:pt x="14" y="0"/>
                  </a:cubicBezTo>
                  <a:cubicBezTo>
                    <a:pt x="14" y="3"/>
                    <a:pt x="14" y="3"/>
                    <a:pt x="14" y="3"/>
                  </a:cubicBezTo>
                  <a:cubicBezTo>
                    <a:pt x="4" y="3"/>
                    <a:pt x="4" y="3"/>
                    <a:pt x="4" y="3"/>
                  </a:cubicBezTo>
                  <a:cubicBezTo>
                    <a:pt x="4" y="9"/>
                    <a:pt x="4" y="9"/>
                    <a:pt x="4" y="9"/>
                  </a:cubicBezTo>
                  <a:cubicBezTo>
                    <a:pt x="5" y="8"/>
                    <a:pt x="6" y="8"/>
                    <a:pt x="8" y="8"/>
                  </a:cubicBezTo>
                  <a:cubicBezTo>
                    <a:pt x="9" y="8"/>
                    <a:pt x="10" y="8"/>
                    <a:pt x="11" y="8"/>
                  </a:cubicBezTo>
                  <a:cubicBezTo>
                    <a:pt x="12" y="9"/>
                    <a:pt x="12" y="9"/>
                    <a:pt x="13" y="10"/>
                  </a:cubicBezTo>
                  <a:cubicBezTo>
                    <a:pt x="14" y="11"/>
                    <a:pt x="14" y="11"/>
                    <a:pt x="15" y="12"/>
                  </a:cubicBezTo>
                  <a:cubicBezTo>
                    <a:pt x="15" y="13"/>
                    <a:pt x="15" y="14"/>
                    <a:pt x="15" y="16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1" name="Freeform 11"/>
            <p:cNvSpPr>
              <a:spLocks noEditPoints="1"/>
            </p:cNvSpPr>
            <p:nvPr/>
          </p:nvSpPr>
          <p:spPr bwMode="auto">
            <a:xfrm>
              <a:off x="4592638" y="2478088"/>
              <a:ext cx="155575" cy="155575"/>
            </a:xfrm>
            <a:custGeom>
              <a:gdLst>
                <a:gd fmla="*/ 11 w 25" name="T0"/>
                <a:gd fmla="*/ 7 h 25" name="T1"/>
                <a:gd fmla="*/ 10 w 25" name="T2"/>
                <a:gd fmla="*/ 9 h 25" name="T3"/>
                <a:gd fmla="*/ 9 w 25" name="T4"/>
                <a:gd fmla="*/ 11 h 25" name="T5"/>
                <a:gd fmla="*/ 7 w 25" name="T6"/>
                <a:gd fmla="*/ 13 h 25" name="T7"/>
                <a:gd fmla="*/ 5 w 25" name="T8"/>
                <a:gd fmla="*/ 13 h 25" name="T9"/>
                <a:gd fmla="*/ 3 w 25" name="T10"/>
                <a:gd fmla="*/ 13 h 25" name="T11"/>
                <a:gd fmla="*/ 1 w 25" name="T12"/>
                <a:gd fmla="*/ 11 h 25" name="T13"/>
                <a:gd fmla="*/ 0 w 25" name="T14"/>
                <a:gd fmla="*/ 9 h 25" name="T15"/>
                <a:gd fmla="*/ 0 w 25" name="T16"/>
                <a:gd fmla="*/ 7 h 25" name="T17"/>
                <a:gd fmla="*/ 0 w 25" name="T18"/>
                <a:gd fmla="*/ 4 h 25" name="T19"/>
                <a:gd fmla="*/ 1 w 25" name="T20"/>
                <a:gd fmla="*/ 2 h 25" name="T21"/>
                <a:gd fmla="*/ 3 w 25" name="T22"/>
                <a:gd fmla="*/ 1 h 25" name="T23"/>
                <a:gd fmla="*/ 5 w 25" name="T24"/>
                <a:gd fmla="*/ 0 h 25" name="T25"/>
                <a:gd fmla="*/ 7 w 25" name="T26"/>
                <a:gd fmla="*/ 1 h 25" name="T27"/>
                <a:gd fmla="*/ 9 w 25" name="T28"/>
                <a:gd fmla="*/ 2 h 25" name="T29"/>
                <a:gd fmla="*/ 10 w 25" name="T30"/>
                <a:gd fmla="*/ 4 h 25" name="T31"/>
                <a:gd fmla="*/ 11 w 25" name="T32"/>
                <a:gd fmla="*/ 7 h 25" name="T33"/>
                <a:gd fmla="*/ 8 w 25" name="T34"/>
                <a:gd fmla="*/ 7 h 25" name="T35"/>
                <a:gd fmla="*/ 5 w 25" name="T36"/>
                <a:gd fmla="*/ 2 h 25" name="T37"/>
                <a:gd fmla="*/ 2 w 25" name="T38"/>
                <a:gd fmla="*/ 7 h 25" name="T39"/>
                <a:gd fmla="*/ 5 w 25" name="T40"/>
                <a:gd fmla="*/ 11 h 25" name="T41"/>
                <a:gd fmla="*/ 8 w 25" name="T42"/>
                <a:gd fmla="*/ 7 h 25" name="T43"/>
                <a:gd fmla="*/ 20 w 25" name="T44"/>
                <a:gd fmla="*/ 1 h 25" name="T45"/>
                <a:gd fmla="*/ 7 w 25" name="T46"/>
                <a:gd fmla="*/ 25 h 25" name="T47"/>
                <a:gd fmla="*/ 5 w 25" name="T48"/>
                <a:gd fmla="*/ 25 h 25" name="T49"/>
                <a:gd fmla="*/ 18 w 25" name="T50"/>
                <a:gd fmla="*/ 1 h 25" name="T51"/>
                <a:gd fmla="*/ 20 w 25" name="T52"/>
                <a:gd fmla="*/ 1 h 25" name="T53"/>
                <a:gd fmla="*/ 25 w 25" name="T54"/>
                <a:gd fmla="*/ 19 h 25" name="T55"/>
                <a:gd fmla="*/ 25 w 25" name="T56"/>
                <a:gd fmla="*/ 21 h 25" name="T57"/>
                <a:gd fmla="*/ 24 w 25" name="T58"/>
                <a:gd fmla="*/ 23 h 25" name="T59"/>
                <a:gd fmla="*/ 22 w 25" name="T60"/>
                <a:gd fmla="*/ 25 h 25" name="T61"/>
                <a:gd fmla="*/ 20 w 25" name="T62"/>
                <a:gd fmla="*/ 25 h 25" name="T63"/>
                <a:gd fmla="*/ 17 w 25" name="T64"/>
                <a:gd fmla="*/ 25 h 25" name="T65"/>
                <a:gd fmla="*/ 16 w 25" name="T66"/>
                <a:gd fmla="*/ 23 h 25" name="T67"/>
                <a:gd fmla="*/ 15 w 25" name="T68"/>
                <a:gd fmla="*/ 21 h 25" name="T69"/>
                <a:gd fmla="*/ 14 w 25" name="T70"/>
                <a:gd fmla="*/ 19 h 25" name="T71"/>
                <a:gd fmla="*/ 15 w 25" name="T72"/>
                <a:gd fmla="*/ 16 h 25" name="T73"/>
                <a:gd fmla="*/ 16 w 25" name="T74"/>
                <a:gd fmla="*/ 14 h 25" name="T75"/>
                <a:gd fmla="*/ 17 w 25" name="T76"/>
                <a:gd fmla="*/ 13 h 25" name="T77"/>
                <a:gd fmla="*/ 20 w 25" name="T78"/>
                <a:gd fmla="*/ 12 h 25" name="T79"/>
                <a:gd fmla="*/ 22 w 25" name="T80"/>
                <a:gd fmla="*/ 13 h 25" name="T81"/>
                <a:gd fmla="*/ 24 w 25" name="T82"/>
                <a:gd fmla="*/ 14 h 25" name="T83"/>
                <a:gd fmla="*/ 25 w 25" name="T84"/>
                <a:gd fmla="*/ 16 h 25" name="T85"/>
                <a:gd fmla="*/ 25 w 25" name="T86"/>
                <a:gd fmla="*/ 19 h 25" name="T87"/>
                <a:gd fmla="*/ 22 w 25" name="T88"/>
                <a:gd fmla="*/ 19 h 25" name="T89"/>
                <a:gd fmla="*/ 20 w 25" name="T90"/>
                <a:gd fmla="*/ 14 h 25" name="T91"/>
                <a:gd fmla="*/ 17 w 25" name="T92"/>
                <a:gd fmla="*/ 19 h 25" name="T93"/>
                <a:gd fmla="*/ 20 w 25" name="T94"/>
                <a:gd fmla="*/ 23 h 25" name="T95"/>
                <a:gd fmla="*/ 22 w 25" name="T96"/>
                <a:gd fmla="*/ 19 h 25" name="T97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</a:cxnLst>
              <a:rect b="b" l="0" r="r" t="0"/>
              <a:pathLst>
                <a:path h="25" w="25">
                  <a:moveTo>
                    <a:pt x="11" y="7"/>
                  </a:moveTo>
                  <a:cubicBezTo>
                    <a:pt x="11" y="8"/>
                    <a:pt x="10" y="9"/>
                    <a:pt x="10" y="9"/>
                  </a:cubicBezTo>
                  <a:cubicBezTo>
                    <a:pt x="10" y="10"/>
                    <a:pt x="10" y="11"/>
                    <a:pt x="9" y="11"/>
                  </a:cubicBezTo>
                  <a:cubicBezTo>
                    <a:pt x="9" y="12"/>
                    <a:pt x="8" y="12"/>
                    <a:pt x="7" y="13"/>
                  </a:cubicBezTo>
                  <a:cubicBezTo>
                    <a:pt x="7" y="13"/>
                    <a:pt x="6" y="13"/>
                    <a:pt x="5" y="13"/>
                  </a:cubicBezTo>
                  <a:cubicBezTo>
                    <a:pt x="4" y="13"/>
                    <a:pt x="4" y="13"/>
                    <a:pt x="3" y="13"/>
                  </a:cubicBezTo>
                  <a:cubicBezTo>
                    <a:pt x="2" y="12"/>
                    <a:pt x="2" y="12"/>
                    <a:pt x="1" y="11"/>
                  </a:cubicBezTo>
                  <a:cubicBezTo>
                    <a:pt x="1" y="11"/>
                    <a:pt x="0" y="10"/>
                    <a:pt x="0" y="9"/>
                  </a:cubicBezTo>
                  <a:cubicBezTo>
                    <a:pt x="0" y="9"/>
                    <a:pt x="0" y="8"/>
                    <a:pt x="0" y="7"/>
                  </a:cubicBezTo>
                  <a:cubicBezTo>
                    <a:pt x="0" y="6"/>
                    <a:pt x="0" y="5"/>
                    <a:pt x="0" y="4"/>
                  </a:cubicBezTo>
                  <a:cubicBezTo>
                    <a:pt x="0" y="3"/>
                    <a:pt x="1" y="3"/>
                    <a:pt x="1" y="2"/>
                  </a:cubicBezTo>
                  <a:cubicBezTo>
                    <a:pt x="2" y="2"/>
                    <a:pt x="2" y="1"/>
                    <a:pt x="3" y="1"/>
                  </a:cubicBezTo>
                  <a:cubicBezTo>
                    <a:pt x="4" y="1"/>
                    <a:pt x="4" y="0"/>
                    <a:pt x="5" y="0"/>
                  </a:cubicBezTo>
                  <a:cubicBezTo>
                    <a:pt x="6" y="0"/>
                    <a:pt x="7" y="1"/>
                    <a:pt x="7" y="1"/>
                  </a:cubicBezTo>
                  <a:cubicBezTo>
                    <a:pt x="8" y="1"/>
                    <a:pt x="9" y="2"/>
                    <a:pt x="9" y="2"/>
                  </a:cubicBezTo>
                  <a:cubicBezTo>
                    <a:pt x="10" y="3"/>
                    <a:pt x="10" y="3"/>
                    <a:pt x="10" y="4"/>
                  </a:cubicBezTo>
                  <a:cubicBezTo>
                    <a:pt x="10" y="5"/>
                    <a:pt x="11" y="6"/>
                    <a:pt x="11" y="7"/>
                  </a:cubicBezTo>
                  <a:moveTo>
                    <a:pt x="8" y="7"/>
                  </a:moveTo>
                  <a:cubicBezTo>
                    <a:pt x="8" y="4"/>
                    <a:pt x="7" y="2"/>
                    <a:pt x="5" y="2"/>
                  </a:cubicBezTo>
                  <a:cubicBezTo>
                    <a:pt x="3" y="2"/>
                    <a:pt x="2" y="4"/>
                    <a:pt x="2" y="7"/>
                  </a:cubicBezTo>
                  <a:cubicBezTo>
                    <a:pt x="2" y="10"/>
                    <a:pt x="3" y="11"/>
                    <a:pt x="5" y="11"/>
                  </a:cubicBezTo>
                  <a:cubicBezTo>
                    <a:pt x="7" y="11"/>
                    <a:pt x="8" y="10"/>
                    <a:pt x="8" y="7"/>
                  </a:cubicBezTo>
                  <a:moveTo>
                    <a:pt x="20" y="1"/>
                  </a:moveTo>
                  <a:cubicBezTo>
                    <a:pt x="7" y="25"/>
                    <a:pt x="7" y="25"/>
                    <a:pt x="7" y="25"/>
                  </a:cubicBezTo>
                  <a:cubicBezTo>
                    <a:pt x="5" y="25"/>
                    <a:pt x="5" y="25"/>
                    <a:pt x="5" y="25"/>
                  </a:cubicBezTo>
                  <a:cubicBezTo>
                    <a:pt x="18" y="1"/>
                    <a:pt x="18" y="1"/>
                    <a:pt x="18" y="1"/>
                  </a:cubicBezTo>
                  <a:lnTo>
                    <a:pt x="20" y="1"/>
                  </a:lnTo>
                  <a:close/>
                  <a:moveTo>
                    <a:pt x="25" y="19"/>
                  </a:moveTo>
                  <a:cubicBezTo>
                    <a:pt x="25" y="20"/>
                    <a:pt x="25" y="20"/>
                    <a:pt x="25" y="21"/>
                  </a:cubicBezTo>
                  <a:cubicBezTo>
                    <a:pt x="24" y="22"/>
                    <a:pt x="24" y="23"/>
                    <a:pt x="24" y="23"/>
                  </a:cubicBezTo>
                  <a:cubicBezTo>
                    <a:pt x="23" y="24"/>
                    <a:pt x="22" y="24"/>
                    <a:pt x="22" y="25"/>
                  </a:cubicBezTo>
                  <a:cubicBezTo>
                    <a:pt x="21" y="25"/>
                    <a:pt x="20" y="25"/>
                    <a:pt x="20" y="25"/>
                  </a:cubicBezTo>
                  <a:cubicBezTo>
                    <a:pt x="19" y="25"/>
                    <a:pt x="18" y="25"/>
                    <a:pt x="17" y="25"/>
                  </a:cubicBezTo>
                  <a:cubicBezTo>
                    <a:pt x="17" y="24"/>
                    <a:pt x="16" y="24"/>
                    <a:pt x="16" y="23"/>
                  </a:cubicBezTo>
                  <a:cubicBezTo>
                    <a:pt x="15" y="23"/>
                    <a:pt x="15" y="22"/>
                    <a:pt x="15" y="21"/>
                  </a:cubicBezTo>
                  <a:cubicBezTo>
                    <a:pt x="14" y="20"/>
                    <a:pt x="14" y="20"/>
                    <a:pt x="14" y="19"/>
                  </a:cubicBezTo>
                  <a:cubicBezTo>
                    <a:pt x="14" y="18"/>
                    <a:pt x="14" y="17"/>
                    <a:pt x="15" y="16"/>
                  </a:cubicBezTo>
                  <a:cubicBezTo>
                    <a:pt x="15" y="15"/>
                    <a:pt x="15" y="15"/>
                    <a:pt x="16" y="14"/>
                  </a:cubicBezTo>
                  <a:cubicBezTo>
                    <a:pt x="16" y="14"/>
                    <a:pt x="17" y="13"/>
                    <a:pt x="17" y="13"/>
                  </a:cubicBezTo>
                  <a:cubicBezTo>
                    <a:pt x="18" y="13"/>
                    <a:pt x="19" y="12"/>
                    <a:pt x="20" y="12"/>
                  </a:cubicBezTo>
                  <a:cubicBezTo>
                    <a:pt x="20" y="12"/>
                    <a:pt x="21" y="13"/>
                    <a:pt x="22" y="13"/>
                  </a:cubicBezTo>
                  <a:cubicBezTo>
                    <a:pt x="22" y="13"/>
                    <a:pt x="23" y="14"/>
                    <a:pt x="24" y="14"/>
                  </a:cubicBezTo>
                  <a:cubicBezTo>
                    <a:pt x="24" y="15"/>
                    <a:pt x="24" y="15"/>
                    <a:pt x="25" y="16"/>
                  </a:cubicBezTo>
                  <a:cubicBezTo>
                    <a:pt x="25" y="17"/>
                    <a:pt x="25" y="18"/>
                    <a:pt x="25" y="19"/>
                  </a:cubicBezTo>
                  <a:moveTo>
                    <a:pt x="22" y="19"/>
                  </a:moveTo>
                  <a:cubicBezTo>
                    <a:pt x="22" y="16"/>
                    <a:pt x="21" y="14"/>
                    <a:pt x="20" y="14"/>
                  </a:cubicBezTo>
                  <a:cubicBezTo>
                    <a:pt x="18" y="14"/>
                    <a:pt x="17" y="16"/>
                    <a:pt x="17" y="19"/>
                  </a:cubicBezTo>
                  <a:cubicBezTo>
                    <a:pt x="17" y="22"/>
                    <a:pt x="18" y="23"/>
                    <a:pt x="20" y="23"/>
                  </a:cubicBezTo>
                  <a:cubicBezTo>
                    <a:pt x="21" y="23"/>
                    <a:pt x="22" y="22"/>
                    <a:pt x="22" y="19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grpSp>
        <p:nvGrpSpPr>
          <p:cNvPr id="12" name="组合 11"/>
          <p:cNvGrpSpPr/>
          <p:nvPr/>
        </p:nvGrpSpPr>
        <p:grpSpPr>
          <a:xfrm>
            <a:off x="3303961" y="3711661"/>
            <a:ext cx="1414463" cy="1419225"/>
            <a:chOff x="3863975" y="2827338"/>
            <a:chExt cx="1414463" cy="1419225"/>
          </a:xfrm>
        </p:grpSpPr>
        <p:grpSp>
          <p:nvGrpSpPr>
            <p:cNvPr id="13" name="组合 12"/>
            <p:cNvGrpSpPr/>
            <p:nvPr/>
          </p:nvGrpSpPr>
          <p:grpSpPr>
            <a:xfrm>
              <a:off x="3863975" y="2827338"/>
              <a:ext cx="1414463" cy="1419225"/>
              <a:chOff x="3863975" y="2827338"/>
              <a:chExt cx="1414463" cy="1419225"/>
            </a:xfrm>
          </p:grpSpPr>
          <p:sp>
            <p:nvSpPr>
              <p:cNvPr id="15" name="Oval 8"/>
              <p:cNvSpPr>
                <a:spLocks noChangeArrowheads="1"/>
              </p:cNvSpPr>
              <p:nvPr/>
            </p:nvSpPr>
            <p:spPr bwMode="auto">
              <a:xfrm>
                <a:off x="3863975" y="2827338"/>
                <a:ext cx="1414463" cy="1419225"/>
              </a:xfrm>
              <a:prstGeom prst="ellipse">
                <a:avLst/>
              </a:prstGeom>
              <a:solidFill>
                <a:srgbClr val="F98377"/>
              </a:solidFill>
              <a:ln>
                <a:noFill/>
              </a:ln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6" name="Freeform 12"/>
              <p:cNvSpPr/>
              <p:nvPr/>
            </p:nvSpPr>
            <p:spPr bwMode="auto">
              <a:xfrm>
                <a:off x="4405313" y="3063876"/>
                <a:ext cx="44450" cy="136525"/>
              </a:xfrm>
              <a:custGeom>
                <a:gdLst>
                  <a:gd fmla="*/ 7 w 7" name="T0"/>
                  <a:gd fmla="*/ 22 h 22" name="T1"/>
                  <a:gd fmla="*/ 5 w 7" name="T2"/>
                  <a:gd fmla="*/ 22 h 22" name="T3"/>
                  <a:gd fmla="*/ 5 w 7" name="T4"/>
                  <a:gd fmla="*/ 5 h 22" name="T5"/>
                  <a:gd fmla="*/ 0 w 7" name="T6"/>
                  <a:gd fmla="*/ 6 h 22" name="T7"/>
                  <a:gd fmla="*/ 0 w 7" name="T8"/>
                  <a:gd fmla="*/ 4 h 22" name="T9"/>
                  <a:gd fmla="*/ 5 w 7" name="T10"/>
                  <a:gd fmla="*/ 0 h 22" name="T11"/>
                  <a:gd fmla="*/ 7 w 7" name="T12"/>
                  <a:gd fmla="*/ 0 h 22" name="T13"/>
                  <a:gd fmla="*/ 7 w 7" name="T14"/>
                  <a:gd fmla="*/ 22 h 22" name="T15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b="b" l="0" r="r" t="0"/>
                <a:pathLst>
                  <a:path h="22" w="7">
                    <a:moveTo>
                      <a:pt x="7" y="22"/>
                    </a:moveTo>
                    <a:cubicBezTo>
                      <a:pt x="5" y="22"/>
                      <a:pt x="5" y="22"/>
                      <a:pt x="5" y="22"/>
                    </a:cubicBezTo>
                    <a:cubicBezTo>
                      <a:pt x="5" y="5"/>
                      <a:pt x="5" y="5"/>
                      <a:pt x="5" y="5"/>
                    </a:cubicBezTo>
                    <a:cubicBezTo>
                      <a:pt x="4" y="6"/>
                      <a:pt x="2" y="6"/>
                      <a:pt x="0" y="6"/>
                    </a:cubicBezTo>
                    <a:cubicBezTo>
                      <a:pt x="0" y="4"/>
                      <a:pt x="0" y="4"/>
                      <a:pt x="0" y="4"/>
                    </a:cubicBezTo>
                    <a:cubicBezTo>
                      <a:pt x="3" y="4"/>
                      <a:pt x="5" y="3"/>
                      <a:pt x="5" y="0"/>
                    </a:cubicBezTo>
                    <a:cubicBezTo>
                      <a:pt x="7" y="0"/>
                      <a:pt x="7" y="0"/>
                      <a:pt x="7" y="0"/>
                    </a:cubicBezTo>
                    <a:lnTo>
                      <a:pt x="7" y="22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7" name="Freeform 13"/>
              <p:cNvSpPr/>
              <p:nvPr/>
            </p:nvSpPr>
            <p:spPr bwMode="auto">
              <a:xfrm>
                <a:off x="4505325" y="3063876"/>
                <a:ext cx="50800" cy="136525"/>
              </a:xfrm>
              <a:custGeom>
                <a:gdLst>
                  <a:gd fmla="*/ 8 w 8" name="T0"/>
                  <a:gd fmla="*/ 22 h 22" name="T1"/>
                  <a:gd fmla="*/ 5 w 8" name="T2"/>
                  <a:gd fmla="*/ 22 h 22" name="T3"/>
                  <a:gd fmla="*/ 5 w 8" name="T4"/>
                  <a:gd fmla="*/ 5 h 22" name="T5"/>
                  <a:gd fmla="*/ 0 w 8" name="T6"/>
                  <a:gd fmla="*/ 6 h 22" name="T7"/>
                  <a:gd fmla="*/ 0 w 8" name="T8"/>
                  <a:gd fmla="*/ 4 h 22" name="T9"/>
                  <a:gd fmla="*/ 6 w 8" name="T10"/>
                  <a:gd fmla="*/ 0 h 22" name="T11"/>
                  <a:gd fmla="*/ 8 w 8" name="T12"/>
                  <a:gd fmla="*/ 0 h 22" name="T13"/>
                  <a:gd fmla="*/ 8 w 8" name="T14"/>
                  <a:gd fmla="*/ 22 h 22" name="T15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b="b" l="0" r="r" t="0"/>
                <a:pathLst>
                  <a:path h="22" w="8">
                    <a:moveTo>
                      <a:pt x="8" y="22"/>
                    </a:moveTo>
                    <a:cubicBezTo>
                      <a:pt x="5" y="22"/>
                      <a:pt x="5" y="22"/>
                      <a:pt x="5" y="22"/>
                    </a:cubicBezTo>
                    <a:cubicBezTo>
                      <a:pt x="5" y="5"/>
                      <a:pt x="5" y="5"/>
                      <a:pt x="5" y="5"/>
                    </a:cubicBezTo>
                    <a:cubicBezTo>
                      <a:pt x="4" y="6"/>
                      <a:pt x="2" y="6"/>
                      <a:pt x="0" y="6"/>
                    </a:cubicBezTo>
                    <a:cubicBezTo>
                      <a:pt x="0" y="4"/>
                      <a:pt x="0" y="4"/>
                      <a:pt x="0" y="4"/>
                    </a:cubicBezTo>
                    <a:cubicBezTo>
                      <a:pt x="3" y="4"/>
                      <a:pt x="5" y="3"/>
                      <a:pt x="6" y="0"/>
                    </a:cubicBezTo>
                    <a:cubicBezTo>
                      <a:pt x="8" y="0"/>
                      <a:pt x="8" y="0"/>
                      <a:pt x="8" y="0"/>
                    </a:cubicBezTo>
                    <a:lnTo>
                      <a:pt x="8" y="22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8" name="Freeform 14"/>
              <p:cNvSpPr>
                <a:spLocks noEditPoints="1"/>
              </p:cNvSpPr>
              <p:nvPr/>
            </p:nvSpPr>
            <p:spPr bwMode="auto">
              <a:xfrm>
                <a:off x="4598988" y="3063876"/>
                <a:ext cx="136525" cy="136525"/>
              </a:xfrm>
              <a:custGeom>
                <a:gdLst>
                  <a:gd fmla="*/ 9 w 22" name="T0"/>
                  <a:gd fmla="*/ 6 h 22" name="T1"/>
                  <a:gd fmla="*/ 9 w 22" name="T2"/>
                  <a:gd fmla="*/ 8 h 22" name="T3"/>
                  <a:gd fmla="*/ 8 w 22" name="T4"/>
                  <a:gd fmla="*/ 10 h 22" name="T5"/>
                  <a:gd fmla="*/ 6 w 22" name="T6"/>
                  <a:gd fmla="*/ 11 h 22" name="T7"/>
                  <a:gd fmla="*/ 5 w 22" name="T8"/>
                  <a:gd fmla="*/ 11 h 22" name="T9"/>
                  <a:gd fmla="*/ 3 w 22" name="T10"/>
                  <a:gd fmla="*/ 11 h 22" name="T11"/>
                  <a:gd fmla="*/ 1 w 22" name="T12"/>
                  <a:gd fmla="*/ 10 h 22" name="T13"/>
                  <a:gd fmla="*/ 0 w 22" name="T14"/>
                  <a:gd fmla="*/ 8 h 22" name="T15"/>
                  <a:gd fmla="*/ 0 w 22" name="T16"/>
                  <a:gd fmla="*/ 6 h 22" name="T17"/>
                  <a:gd fmla="*/ 0 w 22" name="T18"/>
                  <a:gd fmla="*/ 4 h 22" name="T19"/>
                  <a:gd fmla="*/ 1 w 22" name="T20"/>
                  <a:gd fmla="*/ 2 h 22" name="T21"/>
                  <a:gd fmla="*/ 3 w 22" name="T22"/>
                  <a:gd fmla="*/ 1 h 22" name="T23"/>
                  <a:gd fmla="*/ 5 w 22" name="T24"/>
                  <a:gd fmla="*/ 0 h 22" name="T25"/>
                  <a:gd fmla="*/ 6 w 22" name="T26"/>
                  <a:gd fmla="*/ 1 h 22" name="T27"/>
                  <a:gd fmla="*/ 8 w 22" name="T28"/>
                  <a:gd fmla="*/ 2 h 22" name="T29"/>
                  <a:gd fmla="*/ 9 w 22" name="T30"/>
                  <a:gd fmla="*/ 4 h 22" name="T31"/>
                  <a:gd fmla="*/ 9 w 22" name="T32"/>
                  <a:gd fmla="*/ 6 h 22" name="T33"/>
                  <a:gd fmla="*/ 7 w 22" name="T34"/>
                  <a:gd fmla="*/ 6 h 22" name="T35"/>
                  <a:gd fmla="*/ 5 w 22" name="T36"/>
                  <a:gd fmla="*/ 2 h 22" name="T37"/>
                  <a:gd fmla="*/ 2 w 22" name="T38"/>
                  <a:gd fmla="*/ 6 h 22" name="T39"/>
                  <a:gd fmla="*/ 5 w 22" name="T40"/>
                  <a:gd fmla="*/ 10 h 22" name="T41"/>
                  <a:gd fmla="*/ 7 w 22" name="T42"/>
                  <a:gd fmla="*/ 6 h 22" name="T43"/>
                  <a:gd fmla="*/ 18 w 22" name="T44"/>
                  <a:gd fmla="*/ 1 h 22" name="T45"/>
                  <a:gd fmla="*/ 6 w 22" name="T46"/>
                  <a:gd fmla="*/ 22 h 22" name="T47"/>
                  <a:gd fmla="*/ 4 w 22" name="T48"/>
                  <a:gd fmla="*/ 22 h 22" name="T49"/>
                  <a:gd fmla="*/ 16 w 22" name="T50"/>
                  <a:gd fmla="*/ 1 h 22" name="T51"/>
                  <a:gd fmla="*/ 18 w 22" name="T52"/>
                  <a:gd fmla="*/ 1 h 22" name="T53"/>
                  <a:gd fmla="*/ 22 w 22" name="T54"/>
                  <a:gd fmla="*/ 16 h 22" name="T55"/>
                  <a:gd fmla="*/ 22 w 22" name="T56"/>
                  <a:gd fmla="*/ 19 h 22" name="T57"/>
                  <a:gd fmla="*/ 21 w 22" name="T58"/>
                  <a:gd fmla="*/ 20 h 22" name="T59"/>
                  <a:gd fmla="*/ 19 w 22" name="T60"/>
                  <a:gd fmla="*/ 22 h 22" name="T61"/>
                  <a:gd fmla="*/ 17 w 22" name="T62"/>
                  <a:gd fmla="*/ 22 h 22" name="T63"/>
                  <a:gd fmla="*/ 15 w 22" name="T64"/>
                  <a:gd fmla="*/ 22 h 22" name="T65"/>
                  <a:gd fmla="*/ 14 w 22" name="T66"/>
                  <a:gd fmla="*/ 20 h 22" name="T67"/>
                  <a:gd fmla="*/ 13 w 22" name="T68"/>
                  <a:gd fmla="*/ 19 h 22" name="T69"/>
                  <a:gd fmla="*/ 13 w 22" name="T70"/>
                  <a:gd fmla="*/ 16 h 22" name="T71"/>
                  <a:gd fmla="*/ 13 w 22" name="T72"/>
                  <a:gd fmla="*/ 14 h 22" name="T73"/>
                  <a:gd fmla="*/ 14 w 22" name="T74"/>
                  <a:gd fmla="*/ 12 h 22" name="T75"/>
                  <a:gd fmla="*/ 15 w 22" name="T76"/>
                  <a:gd fmla="*/ 11 h 22" name="T77"/>
                  <a:gd fmla="*/ 17 w 22" name="T78"/>
                  <a:gd fmla="*/ 11 h 22" name="T79"/>
                  <a:gd fmla="*/ 19 w 22" name="T80"/>
                  <a:gd fmla="*/ 11 h 22" name="T81"/>
                  <a:gd fmla="*/ 21 w 22" name="T82"/>
                  <a:gd fmla="*/ 12 h 22" name="T83"/>
                  <a:gd fmla="*/ 22 w 22" name="T84"/>
                  <a:gd fmla="*/ 14 h 22" name="T85"/>
                  <a:gd fmla="*/ 22 w 22" name="T86"/>
                  <a:gd fmla="*/ 16 h 22" name="T87"/>
                  <a:gd fmla="*/ 20 w 22" name="T88"/>
                  <a:gd fmla="*/ 16 h 22" name="T89"/>
                  <a:gd fmla="*/ 17 w 22" name="T90"/>
                  <a:gd fmla="*/ 13 h 22" name="T91"/>
                  <a:gd fmla="*/ 15 w 22" name="T92"/>
                  <a:gd fmla="*/ 16 h 22" name="T93"/>
                  <a:gd fmla="*/ 17 w 22" name="T94"/>
                  <a:gd fmla="*/ 20 h 22" name="T95"/>
                  <a:gd fmla="*/ 20 w 22" name="T96"/>
                  <a:gd fmla="*/ 16 h 22" name="T97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</a:cxnLst>
                <a:rect b="b" l="0" r="r" t="0"/>
                <a:pathLst>
                  <a:path h="22" w="22">
                    <a:moveTo>
                      <a:pt x="9" y="6"/>
                    </a:moveTo>
                    <a:cubicBezTo>
                      <a:pt x="9" y="7"/>
                      <a:pt x="9" y="8"/>
                      <a:pt x="9" y="8"/>
                    </a:cubicBezTo>
                    <a:cubicBezTo>
                      <a:pt x="9" y="9"/>
                      <a:pt x="8" y="9"/>
                      <a:pt x="8" y="10"/>
                    </a:cubicBezTo>
                    <a:cubicBezTo>
                      <a:pt x="8" y="10"/>
                      <a:pt x="7" y="11"/>
                      <a:pt x="6" y="11"/>
                    </a:cubicBezTo>
                    <a:cubicBezTo>
                      <a:pt x="6" y="11"/>
                      <a:pt x="5" y="11"/>
                      <a:pt x="5" y="11"/>
                    </a:cubicBezTo>
                    <a:cubicBezTo>
                      <a:pt x="4" y="11"/>
                      <a:pt x="3" y="11"/>
                      <a:pt x="3" y="11"/>
                    </a:cubicBezTo>
                    <a:cubicBezTo>
                      <a:pt x="2" y="11"/>
                      <a:pt x="2" y="10"/>
                      <a:pt x="1" y="10"/>
                    </a:cubicBezTo>
                    <a:cubicBezTo>
                      <a:pt x="1" y="9"/>
                      <a:pt x="0" y="9"/>
                      <a:pt x="0" y="8"/>
                    </a:cubicBezTo>
                    <a:cubicBezTo>
                      <a:pt x="0" y="7"/>
                      <a:pt x="0" y="7"/>
                      <a:pt x="0" y="6"/>
                    </a:cubicBezTo>
                    <a:cubicBezTo>
                      <a:pt x="0" y="5"/>
                      <a:pt x="0" y="4"/>
                      <a:pt x="0" y="4"/>
                    </a:cubicBezTo>
                    <a:cubicBezTo>
                      <a:pt x="0" y="3"/>
                      <a:pt x="1" y="2"/>
                      <a:pt x="1" y="2"/>
                    </a:cubicBezTo>
                    <a:cubicBezTo>
                      <a:pt x="2" y="1"/>
                      <a:pt x="2" y="1"/>
                      <a:pt x="3" y="1"/>
                    </a:cubicBezTo>
                    <a:cubicBezTo>
                      <a:pt x="3" y="0"/>
                      <a:pt x="4" y="0"/>
                      <a:pt x="5" y="0"/>
                    </a:cubicBezTo>
                    <a:cubicBezTo>
                      <a:pt x="5" y="0"/>
                      <a:pt x="6" y="0"/>
                      <a:pt x="6" y="1"/>
                    </a:cubicBezTo>
                    <a:cubicBezTo>
                      <a:pt x="7" y="1"/>
                      <a:pt x="8" y="1"/>
                      <a:pt x="8" y="2"/>
                    </a:cubicBezTo>
                    <a:cubicBezTo>
                      <a:pt x="8" y="2"/>
                      <a:pt x="9" y="3"/>
                      <a:pt x="9" y="4"/>
                    </a:cubicBezTo>
                    <a:cubicBezTo>
                      <a:pt x="9" y="4"/>
                      <a:pt x="9" y="5"/>
                      <a:pt x="9" y="6"/>
                    </a:cubicBezTo>
                    <a:moveTo>
                      <a:pt x="7" y="6"/>
                    </a:moveTo>
                    <a:cubicBezTo>
                      <a:pt x="7" y="3"/>
                      <a:pt x="6" y="2"/>
                      <a:pt x="5" y="2"/>
                    </a:cubicBezTo>
                    <a:cubicBezTo>
                      <a:pt x="3" y="2"/>
                      <a:pt x="2" y="3"/>
                      <a:pt x="2" y="6"/>
                    </a:cubicBezTo>
                    <a:cubicBezTo>
                      <a:pt x="2" y="8"/>
                      <a:pt x="3" y="10"/>
                      <a:pt x="5" y="10"/>
                    </a:cubicBezTo>
                    <a:cubicBezTo>
                      <a:pt x="6" y="10"/>
                      <a:pt x="7" y="8"/>
                      <a:pt x="7" y="6"/>
                    </a:cubicBezTo>
                    <a:moveTo>
                      <a:pt x="18" y="1"/>
                    </a:moveTo>
                    <a:cubicBezTo>
                      <a:pt x="6" y="22"/>
                      <a:pt x="6" y="22"/>
                      <a:pt x="6" y="22"/>
                    </a:cubicBezTo>
                    <a:cubicBezTo>
                      <a:pt x="4" y="22"/>
                      <a:pt x="4" y="22"/>
                      <a:pt x="4" y="22"/>
                    </a:cubicBezTo>
                    <a:cubicBezTo>
                      <a:pt x="16" y="1"/>
                      <a:pt x="16" y="1"/>
                      <a:pt x="16" y="1"/>
                    </a:cubicBezTo>
                    <a:lnTo>
                      <a:pt x="18" y="1"/>
                    </a:lnTo>
                    <a:close/>
                    <a:moveTo>
                      <a:pt x="22" y="16"/>
                    </a:moveTo>
                    <a:cubicBezTo>
                      <a:pt x="22" y="17"/>
                      <a:pt x="22" y="18"/>
                      <a:pt x="22" y="19"/>
                    </a:cubicBezTo>
                    <a:cubicBezTo>
                      <a:pt x="22" y="19"/>
                      <a:pt x="21" y="20"/>
                      <a:pt x="21" y="20"/>
                    </a:cubicBezTo>
                    <a:cubicBezTo>
                      <a:pt x="20" y="21"/>
                      <a:pt x="20" y="21"/>
                      <a:pt x="19" y="22"/>
                    </a:cubicBezTo>
                    <a:cubicBezTo>
                      <a:pt x="19" y="22"/>
                      <a:pt x="18" y="22"/>
                      <a:pt x="17" y="22"/>
                    </a:cubicBezTo>
                    <a:cubicBezTo>
                      <a:pt x="17" y="22"/>
                      <a:pt x="16" y="22"/>
                      <a:pt x="15" y="22"/>
                    </a:cubicBezTo>
                    <a:cubicBezTo>
                      <a:pt x="15" y="21"/>
                      <a:pt x="14" y="21"/>
                      <a:pt x="14" y="20"/>
                    </a:cubicBezTo>
                    <a:cubicBezTo>
                      <a:pt x="14" y="20"/>
                      <a:pt x="13" y="19"/>
                      <a:pt x="13" y="19"/>
                    </a:cubicBezTo>
                    <a:cubicBezTo>
                      <a:pt x="13" y="18"/>
                      <a:pt x="13" y="17"/>
                      <a:pt x="13" y="16"/>
                    </a:cubicBezTo>
                    <a:cubicBezTo>
                      <a:pt x="13" y="16"/>
                      <a:pt x="13" y="15"/>
                      <a:pt x="13" y="14"/>
                    </a:cubicBezTo>
                    <a:cubicBezTo>
                      <a:pt x="13" y="13"/>
                      <a:pt x="14" y="13"/>
                      <a:pt x="14" y="12"/>
                    </a:cubicBezTo>
                    <a:cubicBezTo>
                      <a:pt x="14" y="12"/>
                      <a:pt x="15" y="11"/>
                      <a:pt x="15" y="11"/>
                    </a:cubicBezTo>
                    <a:cubicBezTo>
                      <a:pt x="16" y="11"/>
                      <a:pt x="17" y="11"/>
                      <a:pt x="17" y="11"/>
                    </a:cubicBezTo>
                    <a:cubicBezTo>
                      <a:pt x="18" y="11"/>
                      <a:pt x="19" y="11"/>
                      <a:pt x="19" y="11"/>
                    </a:cubicBezTo>
                    <a:cubicBezTo>
                      <a:pt x="20" y="11"/>
                      <a:pt x="20" y="12"/>
                      <a:pt x="21" y="12"/>
                    </a:cubicBezTo>
                    <a:cubicBezTo>
                      <a:pt x="21" y="13"/>
                      <a:pt x="22" y="13"/>
                      <a:pt x="22" y="14"/>
                    </a:cubicBezTo>
                    <a:cubicBezTo>
                      <a:pt x="22" y="15"/>
                      <a:pt x="22" y="16"/>
                      <a:pt x="22" y="16"/>
                    </a:cubicBezTo>
                    <a:moveTo>
                      <a:pt x="20" y="16"/>
                    </a:moveTo>
                    <a:cubicBezTo>
                      <a:pt x="20" y="14"/>
                      <a:pt x="19" y="13"/>
                      <a:pt x="17" y="13"/>
                    </a:cubicBezTo>
                    <a:cubicBezTo>
                      <a:pt x="16" y="13"/>
                      <a:pt x="15" y="14"/>
                      <a:pt x="15" y="16"/>
                    </a:cubicBezTo>
                    <a:cubicBezTo>
                      <a:pt x="15" y="19"/>
                      <a:pt x="16" y="20"/>
                      <a:pt x="17" y="20"/>
                    </a:cubicBezTo>
                    <a:cubicBezTo>
                      <a:pt x="19" y="20"/>
                      <a:pt x="20" y="19"/>
                      <a:pt x="20" y="16"/>
                    </a:cubicBezTo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14" name="Freeform 28"/>
            <p:cNvSpPr>
              <a:spLocks noEditPoints="1"/>
            </p:cNvSpPr>
            <p:nvPr/>
          </p:nvSpPr>
          <p:spPr bwMode="auto">
            <a:xfrm>
              <a:off x="4425982" y="3492785"/>
              <a:ext cx="317438" cy="413770"/>
            </a:xfrm>
            <a:custGeom>
              <a:gdLst>
                <a:gd fmla="*/ 34 w 68" name="T0"/>
                <a:gd fmla="*/ 0 h 89" name="T1"/>
                <a:gd fmla="*/ 53 w 68" name="T2"/>
                <a:gd fmla="*/ 19 h 89" name="T3"/>
                <a:gd fmla="*/ 34 w 68" name="T4"/>
                <a:gd fmla="*/ 38 h 89" name="T5"/>
                <a:gd fmla="*/ 15 w 68" name="T6"/>
                <a:gd fmla="*/ 19 h 89" name="T7"/>
                <a:gd fmla="*/ 34 w 68" name="T8"/>
                <a:gd fmla="*/ 0 h 89" name="T9"/>
                <a:gd fmla="*/ 68 w 68" name="T10"/>
                <a:gd fmla="*/ 80 h 89" name="T11"/>
                <a:gd fmla="*/ 0 w 68" name="T12"/>
                <a:gd fmla="*/ 80 h 89" name="T13"/>
                <a:gd fmla="*/ 22 w 68" name="T14"/>
                <a:gd fmla="*/ 44 h 89" name="T15"/>
                <a:gd fmla="*/ 34 w 68" name="T16"/>
                <a:gd fmla="*/ 64 h 89" name="T17"/>
                <a:gd fmla="*/ 47 w 68" name="T18"/>
                <a:gd fmla="*/ 44 h 89" name="T19"/>
                <a:gd fmla="*/ 68 w 68" name="T20"/>
                <a:gd fmla="*/ 80 h 89" name="T2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b="b" l="0" r="r" t="0"/>
              <a:pathLst>
                <a:path h="89" w="68">
                  <a:moveTo>
                    <a:pt x="34" y="0"/>
                  </a:moveTo>
                  <a:cubicBezTo>
                    <a:pt x="44" y="0"/>
                    <a:pt x="53" y="9"/>
                    <a:pt x="53" y="19"/>
                  </a:cubicBezTo>
                  <a:cubicBezTo>
                    <a:pt x="53" y="30"/>
                    <a:pt x="44" y="38"/>
                    <a:pt x="34" y="38"/>
                  </a:cubicBezTo>
                  <a:cubicBezTo>
                    <a:pt x="23" y="38"/>
                    <a:pt x="15" y="30"/>
                    <a:pt x="15" y="19"/>
                  </a:cubicBezTo>
                  <a:cubicBezTo>
                    <a:pt x="15" y="9"/>
                    <a:pt x="23" y="0"/>
                    <a:pt x="34" y="0"/>
                  </a:cubicBezTo>
                  <a:close/>
                  <a:moveTo>
                    <a:pt x="68" y="80"/>
                  </a:moveTo>
                  <a:cubicBezTo>
                    <a:pt x="46" y="88"/>
                    <a:pt x="24" y="89"/>
                    <a:pt x="0" y="80"/>
                  </a:cubicBezTo>
                  <a:cubicBezTo>
                    <a:pt x="0" y="60"/>
                    <a:pt x="10" y="48"/>
                    <a:pt x="22" y="44"/>
                  </a:cubicBezTo>
                  <a:cubicBezTo>
                    <a:pt x="34" y="64"/>
                    <a:pt x="34" y="64"/>
                    <a:pt x="34" y="64"/>
                  </a:cubicBezTo>
                  <a:cubicBezTo>
                    <a:pt x="47" y="44"/>
                    <a:pt x="47" y="44"/>
                    <a:pt x="47" y="44"/>
                  </a:cubicBezTo>
                  <a:cubicBezTo>
                    <a:pt x="58" y="49"/>
                    <a:pt x="67" y="61"/>
                    <a:pt x="68" y="80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grpSp>
        <p:nvGrpSpPr>
          <p:cNvPr id="19" name="组合 18"/>
          <p:cNvGrpSpPr/>
          <p:nvPr/>
        </p:nvGrpSpPr>
        <p:grpSpPr>
          <a:xfrm>
            <a:off x="6577868" y="2665234"/>
            <a:ext cx="3544284" cy="498093"/>
            <a:chOff x="5053868" y="1895211"/>
            <a:chExt cx="3544284" cy="498093"/>
          </a:xfrm>
        </p:grpSpPr>
        <p:grpSp>
          <p:nvGrpSpPr>
            <p:cNvPr id="20" name="组合 19"/>
            <p:cNvGrpSpPr/>
            <p:nvPr/>
          </p:nvGrpSpPr>
          <p:grpSpPr>
            <a:xfrm>
              <a:off x="5053868" y="1895211"/>
              <a:ext cx="2676452" cy="372098"/>
              <a:chOff x="5141550" y="2007945"/>
              <a:chExt cx="2676452" cy="372098"/>
            </a:xfrm>
          </p:grpSpPr>
          <p:grpSp>
            <p:nvGrpSpPr>
              <p:cNvPr id="22" name="组合 21"/>
              <p:cNvGrpSpPr/>
              <p:nvPr/>
            </p:nvGrpSpPr>
            <p:grpSpPr>
              <a:xfrm>
                <a:off x="6025714" y="2035555"/>
                <a:ext cx="1792288" cy="344488"/>
                <a:chOff x="6775450" y="2039938"/>
                <a:chExt cx="1792288" cy="344488"/>
              </a:xfrm>
            </p:grpSpPr>
            <p:sp>
              <p:nvSpPr>
                <p:cNvPr id="24" name="Freeform 97"/>
                <p:cNvSpPr/>
                <p:nvPr/>
              </p:nvSpPr>
              <p:spPr bwMode="auto">
                <a:xfrm>
                  <a:off x="6775450" y="2101851"/>
                  <a:ext cx="130175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25" name="Oval 98"/>
                <p:cNvSpPr>
                  <a:spLocks noChangeArrowheads="1"/>
                </p:cNvSpPr>
                <p:nvPr/>
              </p:nvSpPr>
              <p:spPr bwMode="auto">
                <a:xfrm>
                  <a:off x="6811963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26" name="Freeform 99"/>
                <p:cNvSpPr/>
                <p:nvPr/>
              </p:nvSpPr>
              <p:spPr bwMode="auto">
                <a:xfrm>
                  <a:off x="6927850" y="2101851"/>
                  <a:ext cx="130175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27" name="Oval 100"/>
                <p:cNvSpPr>
                  <a:spLocks noChangeArrowheads="1"/>
                </p:cNvSpPr>
                <p:nvPr/>
              </p:nvSpPr>
              <p:spPr bwMode="auto">
                <a:xfrm>
                  <a:off x="6964363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28" name="Freeform 101"/>
                <p:cNvSpPr/>
                <p:nvPr/>
              </p:nvSpPr>
              <p:spPr bwMode="auto">
                <a:xfrm>
                  <a:off x="7078663" y="2101851"/>
                  <a:ext cx="130175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4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29" name="Oval 102"/>
                <p:cNvSpPr>
                  <a:spLocks noChangeArrowheads="1"/>
                </p:cNvSpPr>
                <p:nvPr/>
              </p:nvSpPr>
              <p:spPr bwMode="auto">
                <a:xfrm>
                  <a:off x="7115175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0" name="Freeform 103"/>
                <p:cNvSpPr/>
                <p:nvPr/>
              </p:nvSpPr>
              <p:spPr bwMode="auto">
                <a:xfrm>
                  <a:off x="7229475" y="2101851"/>
                  <a:ext cx="131762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4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1" name="Oval 104"/>
                <p:cNvSpPr>
                  <a:spLocks noChangeArrowheads="1"/>
                </p:cNvSpPr>
                <p:nvPr/>
              </p:nvSpPr>
              <p:spPr bwMode="auto">
                <a:xfrm>
                  <a:off x="7265988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2" name="Freeform 141"/>
                <p:cNvSpPr/>
                <p:nvPr/>
              </p:nvSpPr>
              <p:spPr bwMode="auto">
                <a:xfrm>
                  <a:off x="7377113" y="2101851"/>
                  <a:ext cx="134937" cy="282575"/>
                </a:xfrm>
                <a:custGeom>
                  <a:gdLst>
                    <a:gd fmla="*/ 20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20 w 26" name="T38"/>
                    <a:gd fmla="*/ 50 h 54" name="T39"/>
                    <a:gd fmla="*/ 20 w 26" name="T40"/>
                    <a:gd fmla="*/ 23 h 54" name="T41"/>
                    <a:gd fmla="*/ 20 w 26" name="T42"/>
                    <a:gd fmla="*/ 23 h 54" name="T43"/>
                    <a:gd fmla="*/ 20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20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3" name="Oval 142"/>
                <p:cNvSpPr>
                  <a:spLocks noChangeArrowheads="1"/>
                </p:cNvSpPr>
                <p:nvPr/>
              </p:nvSpPr>
              <p:spPr bwMode="auto">
                <a:xfrm>
                  <a:off x="7418388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4" name="Freeform 143"/>
                <p:cNvSpPr/>
                <p:nvPr/>
              </p:nvSpPr>
              <p:spPr bwMode="auto">
                <a:xfrm>
                  <a:off x="7527925" y="2101851"/>
                  <a:ext cx="136525" cy="282575"/>
                </a:xfrm>
                <a:custGeom>
                  <a:gdLst>
                    <a:gd fmla="*/ 19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19 w 26" name="T38"/>
                    <a:gd fmla="*/ 50 h 54" name="T39"/>
                    <a:gd fmla="*/ 19 w 26" name="T40"/>
                    <a:gd fmla="*/ 23 h 54" name="T41"/>
                    <a:gd fmla="*/ 19 w 26" name="T42"/>
                    <a:gd fmla="*/ 23 h 54" name="T43"/>
                    <a:gd fmla="*/ 19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19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5" name="Oval 144"/>
                <p:cNvSpPr>
                  <a:spLocks noChangeArrowheads="1"/>
                </p:cNvSpPr>
                <p:nvPr/>
              </p:nvSpPr>
              <p:spPr bwMode="auto">
                <a:xfrm>
                  <a:off x="7569200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6" name="Freeform 145"/>
                <p:cNvSpPr/>
                <p:nvPr/>
              </p:nvSpPr>
              <p:spPr bwMode="auto">
                <a:xfrm>
                  <a:off x="7680325" y="2101851"/>
                  <a:ext cx="134937" cy="282575"/>
                </a:xfrm>
                <a:custGeom>
                  <a:gdLst>
                    <a:gd fmla="*/ 19 w 26" name="T0"/>
                    <a:gd fmla="*/ 0 h 54" name="T1"/>
                    <a:gd fmla="*/ 6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3 w 26" name="T32"/>
                    <a:gd fmla="*/ 27 h 54" name="T33"/>
                    <a:gd fmla="*/ 13 w 26" name="T34"/>
                    <a:gd fmla="*/ 50 h 54" name="T35"/>
                    <a:gd fmla="*/ 16 w 26" name="T36"/>
                    <a:gd fmla="*/ 54 h 54" name="T37"/>
                    <a:gd fmla="*/ 19 w 26" name="T38"/>
                    <a:gd fmla="*/ 50 h 54" name="T39"/>
                    <a:gd fmla="*/ 19 w 26" name="T40"/>
                    <a:gd fmla="*/ 23 h 54" name="T41"/>
                    <a:gd fmla="*/ 19 w 26" name="T42"/>
                    <a:gd fmla="*/ 23 h 54" name="T43"/>
                    <a:gd fmla="*/ 19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19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7" name="Oval 146"/>
                <p:cNvSpPr>
                  <a:spLocks noChangeArrowheads="1"/>
                </p:cNvSpPr>
                <p:nvPr/>
              </p:nvSpPr>
              <p:spPr bwMode="auto">
                <a:xfrm>
                  <a:off x="7721600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8" name="Freeform 147"/>
                <p:cNvSpPr/>
                <p:nvPr/>
              </p:nvSpPr>
              <p:spPr bwMode="auto">
                <a:xfrm>
                  <a:off x="7831138" y="2101851"/>
                  <a:ext cx="130175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39" name="Oval 148"/>
                <p:cNvSpPr>
                  <a:spLocks noChangeArrowheads="1"/>
                </p:cNvSpPr>
                <p:nvPr/>
              </p:nvSpPr>
              <p:spPr bwMode="auto">
                <a:xfrm>
                  <a:off x="7872413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40" name="Freeform 149"/>
                <p:cNvSpPr/>
                <p:nvPr/>
              </p:nvSpPr>
              <p:spPr bwMode="auto">
                <a:xfrm>
                  <a:off x="7981950" y="2101851"/>
                  <a:ext cx="131762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41" name="Oval 150"/>
                <p:cNvSpPr>
                  <a:spLocks noChangeArrowheads="1"/>
                </p:cNvSpPr>
                <p:nvPr/>
              </p:nvSpPr>
              <p:spPr bwMode="auto">
                <a:xfrm>
                  <a:off x="8024813" y="2039938"/>
                  <a:ext cx="5238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42" name="Freeform 151"/>
                <p:cNvSpPr/>
                <p:nvPr/>
              </p:nvSpPr>
              <p:spPr bwMode="auto">
                <a:xfrm>
                  <a:off x="8134350" y="2101851"/>
                  <a:ext cx="130175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43" name="Oval 152"/>
                <p:cNvSpPr>
                  <a:spLocks noChangeArrowheads="1"/>
                </p:cNvSpPr>
                <p:nvPr/>
              </p:nvSpPr>
              <p:spPr bwMode="auto">
                <a:xfrm>
                  <a:off x="8170863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44" name="Freeform 153"/>
                <p:cNvSpPr/>
                <p:nvPr/>
              </p:nvSpPr>
              <p:spPr bwMode="auto">
                <a:xfrm>
                  <a:off x="8285163" y="2101851"/>
                  <a:ext cx="131762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45" name="Oval 154"/>
                <p:cNvSpPr>
                  <a:spLocks noChangeArrowheads="1"/>
                </p:cNvSpPr>
                <p:nvPr/>
              </p:nvSpPr>
              <p:spPr bwMode="auto">
                <a:xfrm>
                  <a:off x="8321675" y="2039938"/>
                  <a:ext cx="58737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46" name="Freeform 155"/>
                <p:cNvSpPr/>
                <p:nvPr/>
              </p:nvSpPr>
              <p:spPr bwMode="auto">
                <a:xfrm>
                  <a:off x="8437563" y="2101851"/>
                  <a:ext cx="130175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1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0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4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47" name="Oval 156"/>
                <p:cNvSpPr>
                  <a:spLocks noChangeArrowheads="1"/>
                </p:cNvSpPr>
                <p:nvPr/>
              </p:nvSpPr>
              <p:spPr bwMode="auto">
                <a:xfrm>
                  <a:off x="8474075" y="2039938"/>
                  <a:ext cx="57150" cy="57150"/>
                </a:xfrm>
                <a:prstGeom prst="ellipse">
                  <a:avLst/>
                </a:prstGeom>
                <a:solidFill>
                  <a:srgbClr val="9DB9B6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</p:grpSp>
          <p:sp>
            <p:nvSpPr>
              <p:cNvPr id="23" name="TextBox 22"/>
              <p:cNvSpPr txBox="1"/>
              <p:nvPr/>
            </p:nvSpPr>
            <p:spPr>
              <a:xfrm>
                <a:off x="5141550" y="2007945"/>
                <a:ext cx="495903" cy="30480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 sz="140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charset="-120" pitchFamily="50" typeface="MStiffHeiHK-UltraBold"/>
                    <a:ea charset="-120" pitchFamily="50" typeface="MStiffHeiHK-UltraBold"/>
                  </a:rPr>
                  <a:t>Text</a:t>
                </a:r>
              </a:p>
            </p:txBody>
          </p:sp>
        </p:grpSp>
        <p:cxnSp>
          <p:nvCxnSpPr>
            <p:cNvPr id="21" name="直接连接符 20"/>
            <p:cNvCxnSpPr/>
            <p:nvPr/>
          </p:nvCxnSpPr>
          <p:spPr>
            <a:xfrm>
              <a:off x="5053868" y="2393304"/>
              <a:ext cx="3544284" cy="0"/>
            </a:xfrm>
            <a:prstGeom prst="line">
              <a:avLst/>
            </a:prstGeom>
            <a:ln w="28575">
              <a:solidFill>
                <a:srgbClr val="E1DAAD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48" name="组合 47"/>
          <p:cNvGrpSpPr/>
          <p:nvPr/>
        </p:nvGrpSpPr>
        <p:grpSpPr>
          <a:xfrm>
            <a:off x="6577868" y="3404721"/>
            <a:ext cx="3544284" cy="522692"/>
            <a:chOff x="5053868" y="2634700"/>
            <a:chExt cx="3544284" cy="522692"/>
          </a:xfrm>
        </p:grpSpPr>
        <p:grpSp>
          <p:nvGrpSpPr>
            <p:cNvPr id="49" name="组合 48"/>
            <p:cNvGrpSpPr/>
            <p:nvPr/>
          </p:nvGrpSpPr>
          <p:grpSpPr>
            <a:xfrm>
              <a:off x="5053868" y="2634700"/>
              <a:ext cx="2076377" cy="344488"/>
              <a:chOff x="5141550" y="2653490"/>
              <a:chExt cx="2076377" cy="344488"/>
            </a:xfrm>
          </p:grpSpPr>
          <p:grpSp>
            <p:nvGrpSpPr>
              <p:cNvPr id="51" name="组合 50"/>
              <p:cNvGrpSpPr/>
              <p:nvPr/>
            </p:nvGrpSpPr>
            <p:grpSpPr>
              <a:xfrm>
                <a:off x="6025714" y="2653490"/>
                <a:ext cx="1192213" cy="344488"/>
                <a:chOff x="4648200" y="2039938"/>
                <a:chExt cx="1192213" cy="344488"/>
              </a:xfrm>
            </p:grpSpPr>
            <p:sp>
              <p:nvSpPr>
                <p:cNvPr id="53" name="Freeform 33"/>
                <p:cNvSpPr/>
                <p:nvPr/>
              </p:nvSpPr>
              <p:spPr bwMode="auto">
                <a:xfrm>
                  <a:off x="4648200" y="2101851"/>
                  <a:ext cx="136525" cy="282575"/>
                </a:xfrm>
                <a:custGeom>
                  <a:gdLst>
                    <a:gd fmla="*/ 20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3 w 26" name="T12"/>
                    <a:gd fmla="*/ 26 h 54" name="T13"/>
                    <a:gd fmla="*/ 5 w 26" name="T14"/>
                    <a:gd fmla="*/ 24 h 54" name="T15"/>
                    <a:gd fmla="*/ 5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7 w 26" name="T22"/>
                    <a:gd fmla="*/ 24 h 54" name="T23"/>
                    <a:gd fmla="*/ 7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20 w 26" name="T38"/>
                    <a:gd fmla="*/ 50 h 54" name="T39"/>
                    <a:gd fmla="*/ 20 w 26" name="T40"/>
                    <a:gd fmla="*/ 23 h 54" name="T41"/>
                    <a:gd fmla="*/ 20 w 26" name="T42"/>
                    <a:gd fmla="*/ 23 h 54" name="T43"/>
                    <a:gd fmla="*/ 20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4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20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3" y="26"/>
                      </a:cubicBezTo>
                      <a:cubicBezTo>
                        <a:pt x="4" y="26"/>
                        <a:pt x="5" y="25"/>
                        <a:pt x="5" y="24"/>
                      </a:cubicBezTo>
                      <a:cubicBezTo>
                        <a:pt x="5" y="8"/>
                        <a:pt x="5" y="8"/>
                        <a:pt x="5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7" y="24"/>
                      </a:cubicBezTo>
                      <a:cubicBezTo>
                        <a:pt x="7" y="50"/>
                        <a:pt x="7" y="50"/>
                        <a:pt x="7" y="50"/>
                      </a:cubicBezTo>
                      <a:cubicBezTo>
                        <a:pt x="7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4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54" name="Oval 34"/>
                <p:cNvSpPr>
                  <a:spLocks noChangeArrowheads="1"/>
                </p:cNvSpPr>
                <p:nvPr/>
              </p:nvSpPr>
              <p:spPr bwMode="auto">
                <a:xfrm>
                  <a:off x="4691063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55" name="Freeform 35"/>
                <p:cNvSpPr/>
                <p:nvPr/>
              </p:nvSpPr>
              <p:spPr bwMode="auto">
                <a:xfrm>
                  <a:off x="4800600" y="2101851"/>
                  <a:ext cx="134937" cy="282575"/>
                </a:xfrm>
                <a:custGeom>
                  <a:gdLst>
                    <a:gd fmla="*/ 20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5 w 26" name="T14"/>
                    <a:gd fmla="*/ 24 h 54" name="T15"/>
                    <a:gd fmla="*/ 5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20 w 26" name="T38"/>
                    <a:gd fmla="*/ 50 h 54" name="T39"/>
                    <a:gd fmla="*/ 20 w 26" name="T40"/>
                    <a:gd fmla="*/ 23 h 54" name="T41"/>
                    <a:gd fmla="*/ 20 w 26" name="T42"/>
                    <a:gd fmla="*/ 23 h 54" name="T43"/>
                    <a:gd fmla="*/ 20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4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20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4" y="26"/>
                        <a:pt x="5" y="25"/>
                        <a:pt x="5" y="24"/>
                      </a:cubicBezTo>
                      <a:cubicBezTo>
                        <a:pt x="5" y="8"/>
                        <a:pt x="5" y="8"/>
                        <a:pt x="5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4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56" name="Oval 36"/>
                <p:cNvSpPr>
                  <a:spLocks noChangeArrowheads="1"/>
                </p:cNvSpPr>
                <p:nvPr/>
              </p:nvSpPr>
              <p:spPr bwMode="auto">
                <a:xfrm>
                  <a:off x="4841875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57" name="Freeform 37"/>
                <p:cNvSpPr/>
                <p:nvPr/>
              </p:nvSpPr>
              <p:spPr bwMode="auto">
                <a:xfrm>
                  <a:off x="4951413" y="2101851"/>
                  <a:ext cx="136525" cy="282575"/>
                </a:xfrm>
                <a:custGeom>
                  <a:gdLst>
                    <a:gd fmla="*/ 20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5 w 26" name="T14"/>
                    <a:gd fmla="*/ 24 h 54" name="T15"/>
                    <a:gd fmla="*/ 5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20 w 26" name="T38"/>
                    <a:gd fmla="*/ 50 h 54" name="T39"/>
                    <a:gd fmla="*/ 20 w 26" name="T40"/>
                    <a:gd fmla="*/ 23 h 54" name="T41"/>
                    <a:gd fmla="*/ 20 w 26" name="T42"/>
                    <a:gd fmla="*/ 23 h 54" name="T43"/>
                    <a:gd fmla="*/ 20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4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20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4" y="26"/>
                        <a:pt x="5" y="25"/>
                        <a:pt x="5" y="24"/>
                      </a:cubicBezTo>
                      <a:cubicBezTo>
                        <a:pt x="5" y="8"/>
                        <a:pt x="5" y="8"/>
                        <a:pt x="5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4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58" name="Oval 38"/>
                <p:cNvSpPr>
                  <a:spLocks noChangeArrowheads="1"/>
                </p:cNvSpPr>
                <p:nvPr/>
              </p:nvSpPr>
              <p:spPr bwMode="auto">
                <a:xfrm>
                  <a:off x="4994275" y="2039938"/>
                  <a:ext cx="50800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59" name="Freeform 39"/>
                <p:cNvSpPr/>
                <p:nvPr/>
              </p:nvSpPr>
              <p:spPr bwMode="auto">
                <a:xfrm>
                  <a:off x="5103813" y="2101851"/>
                  <a:ext cx="134937" cy="282575"/>
                </a:xfrm>
                <a:custGeom>
                  <a:gdLst>
                    <a:gd fmla="*/ 20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20 w 26" name="T38"/>
                    <a:gd fmla="*/ 50 h 54" name="T39"/>
                    <a:gd fmla="*/ 20 w 26" name="T40"/>
                    <a:gd fmla="*/ 23 h 54" name="T41"/>
                    <a:gd fmla="*/ 20 w 26" name="T42"/>
                    <a:gd fmla="*/ 23 h 54" name="T43"/>
                    <a:gd fmla="*/ 20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20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60" name="Oval 40"/>
                <p:cNvSpPr>
                  <a:spLocks noChangeArrowheads="1"/>
                </p:cNvSpPr>
                <p:nvPr/>
              </p:nvSpPr>
              <p:spPr bwMode="auto">
                <a:xfrm>
                  <a:off x="5145088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61" name="Freeform 41"/>
                <p:cNvSpPr/>
                <p:nvPr/>
              </p:nvSpPr>
              <p:spPr bwMode="auto">
                <a:xfrm>
                  <a:off x="5254625" y="2101851"/>
                  <a:ext cx="136525" cy="282575"/>
                </a:xfrm>
                <a:custGeom>
                  <a:gdLst>
                    <a:gd fmla="*/ 20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20 w 26" name="T38"/>
                    <a:gd fmla="*/ 50 h 54" name="T39"/>
                    <a:gd fmla="*/ 20 w 26" name="T40"/>
                    <a:gd fmla="*/ 23 h 54" name="T41"/>
                    <a:gd fmla="*/ 20 w 26" name="T42"/>
                    <a:gd fmla="*/ 23 h 54" name="T43"/>
                    <a:gd fmla="*/ 20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20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62" name="Oval 42"/>
                <p:cNvSpPr>
                  <a:spLocks noChangeArrowheads="1"/>
                </p:cNvSpPr>
                <p:nvPr/>
              </p:nvSpPr>
              <p:spPr bwMode="auto">
                <a:xfrm>
                  <a:off x="5295900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63" name="Freeform 43"/>
                <p:cNvSpPr/>
                <p:nvPr/>
              </p:nvSpPr>
              <p:spPr bwMode="auto">
                <a:xfrm>
                  <a:off x="5407025" y="2101851"/>
                  <a:ext cx="134937" cy="282575"/>
                </a:xfrm>
                <a:custGeom>
                  <a:gdLst>
                    <a:gd fmla="*/ 19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19 w 26" name="T38"/>
                    <a:gd fmla="*/ 50 h 54" name="T39"/>
                    <a:gd fmla="*/ 19 w 26" name="T40"/>
                    <a:gd fmla="*/ 23 h 54" name="T41"/>
                    <a:gd fmla="*/ 19 w 26" name="T42"/>
                    <a:gd fmla="*/ 23 h 54" name="T43"/>
                    <a:gd fmla="*/ 19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19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19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64" name="Oval 44"/>
                <p:cNvSpPr>
                  <a:spLocks noChangeArrowheads="1"/>
                </p:cNvSpPr>
                <p:nvPr/>
              </p:nvSpPr>
              <p:spPr bwMode="auto">
                <a:xfrm>
                  <a:off x="5448300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65" name="Freeform 45"/>
                <p:cNvSpPr/>
                <p:nvPr/>
              </p:nvSpPr>
              <p:spPr bwMode="auto">
                <a:xfrm>
                  <a:off x="5557838" y="2101851"/>
                  <a:ext cx="136525" cy="282575"/>
                </a:xfrm>
                <a:custGeom>
                  <a:gdLst>
                    <a:gd fmla="*/ 19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3 w 26" name="T32"/>
                    <a:gd fmla="*/ 27 h 54" name="T33"/>
                    <a:gd fmla="*/ 13 w 26" name="T34"/>
                    <a:gd fmla="*/ 50 h 54" name="T35"/>
                    <a:gd fmla="*/ 16 w 26" name="T36"/>
                    <a:gd fmla="*/ 54 h 54" name="T37"/>
                    <a:gd fmla="*/ 19 w 26" name="T38"/>
                    <a:gd fmla="*/ 50 h 54" name="T39"/>
                    <a:gd fmla="*/ 19 w 26" name="T40"/>
                    <a:gd fmla="*/ 23 h 54" name="T41"/>
                    <a:gd fmla="*/ 19 w 26" name="T42"/>
                    <a:gd fmla="*/ 23 h 54" name="T43"/>
                    <a:gd fmla="*/ 19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19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66" name="Oval 46"/>
                <p:cNvSpPr>
                  <a:spLocks noChangeArrowheads="1"/>
                </p:cNvSpPr>
                <p:nvPr/>
              </p:nvSpPr>
              <p:spPr bwMode="auto">
                <a:xfrm>
                  <a:off x="5599113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67" name="Freeform 47"/>
                <p:cNvSpPr/>
                <p:nvPr/>
              </p:nvSpPr>
              <p:spPr bwMode="auto">
                <a:xfrm>
                  <a:off x="5710238" y="2101851"/>
                  <a:ext cx="130175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68" name="Oval 48"/>
                <p:cNvSpPr>
                  <a:spLocks noChangeArrowheads="1"/>
                </p:cNvSpPr>
                <p:nvPr/>
              </p:nvSpPr>
              <p:spPr bwMode="auto">
                <a:xfrm>
                  <a:off x="5751513" y="2039938"/>
                  <a:ext cx="52387" cy="57150"/>
                </a:xfrm>
                <a:prstGeom prst="ellipse">
                  <a:avLst/>
                </a:prstGeom>
                <a:solidFill>
                  <a:srgbClr val="557773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</p:grpSp>
          <p:sp>
            <p:nvSpPr>
              <p:cNvPr id="52" name="TextBox 51"/>
              <p:cNvSpPr txBox="1"/>
              <p:nvPr/>
            </p:nvSpPr>
            <p:spPr>
              <a:xfrm>
                <a:off x="5141550" y="2671823"/>
                <a:ext cx="495903" cy="30480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 sz="140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charset="-120" pitchFamily="50" typeface="MStiffHeiHK-UltraBold"/>
                    <a:ea charset="-120" pitchFamily="50" typeface="MStiffHeiHK-UltraBold"/>
                  </a:rPr>
                  <a:t>Text</a:t>
                </a:r>
              </a:p>
            </p:txBody>
          </p:sp>
        </p:grpSp>
        <p:cxnSp>
          <p:nvCxnSpPr>
            <p:cNvPr id="50" name="直接连接符 49"/>
            <p:cNvCxnSpPr/>
            <p:nvPr/>
          </p:nvCxnSpPr>
          <p:spPr>
            <a:xfrm>
              <a:off x="5053868" y="3157392"/>
              <a:ext cx="3544284" cy="0"/>
            </a:xfrm>
            <a:prstGeom prst="line">
              <a:avLst/>
            </a:prstGeom>
            <a:ln w="28575">
              <a:solidFill>
                <a:srgbClr val="E1DAAD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69" name="组合 68"/>
          <p:cNvGrpSpPr/>
          <p:nvPr/>
        </p:nvGrpSpPr>
        <p:grpSpPr>
          <a:xfrm>
            <a:off x="6577868" y="4116602"/>
            <a:ext cx="3544284" cy="537321"/>
            <a:chOff x="5053868" y="3346580"/>
            <a:chExt cx="3544284" cy="537321"/>
          </a:xfrm>
        </p:grpSpPr>
        <p:grpSp>
          <p:nvGrpSpPr>
            <p:cNvPr id="70" name="组合 69"/>
            <p:cNvGrpSpPr/>
            <p:nvPr/>
          </p:nvGrpSpPr>
          <p:grpSpPr>
            <a:xfrm>
              <a:off x="5053868" y="3346580"/>
              <a:ext cx="1777927" cy="344488"/>
              <a:chOff x="5141550" y="3271424"/>
              <a:chExt cx="1777927" cy="344488"/>
            </a:xfrm>
          </p:grpSpPr>
          <p:grpSp>
            <p:nvGrpSpPr>
              <p:cNvPr id="72" name="组合 71"/>
              <p:cNvGrpSpPr/>
              <p:nvPr/>
            </p:nvGrpSpPr>
            <p:grpSpPr>
              <a:xfrm>
                <a:off x="6025714" y="3271424"/>
                <a:ext cx="893763" cy="344488"/>
                <a:chOff x="5861050" y="2039938"/>
                <a:chExt cx="893763" cy="344488"/>
              </a:xfrm>
            </p:grpSpPr>
            <p:sp>
              <p:nvSpPr>
                <p:cNvPr id="74" name="Oval 50"/>
                <p:cNvSpPr>
                  <a:spLocks noChangeArrowheads="1"/>
                </p:cNvSpPr>
                <p:nvPr/>
              </p:nvSpPr>
              <p:spPr bwMode="auto">
                <a:xfrm>
                  <a:off x="5902325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75" name="Freeform 49"/>
                <p:cNvSpPr/>
                <p:nvPr/>
              </p:nvSpPr>
              <p:spPr bwMode="auto">
                <a:xfrm>
                  <a:off x="5861050" y="2101851"/>
                  <a:ext cx="130175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76" name="Freeform 87"/>
                <p:cNvSpPr/>
                <p:nvPr/>
              </p:nvSpPr>
              <p:spPr bwMode="auto">
                <a:xfrm>
                  <a:off x="6018213" y="2101851"/>
                  <a:ext cx="134937" cy="282575"/>
                </a:xfrm>
                <a:custGeom>
                  <a:gdLst>
                    <a:gd fmla="*/ 20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20 w 26" name="T38"/>
                    <a:gd fmla="*/ 50 h 54" name="T39"/>
                    <a:gd fmla="*/ 20 w 26" name="T40"/>
                    <a:gd fmla="*/ 23 h 54" name="T41"/>
                    <a:gd fmla="*/ 20 w 26" name="T42"/>
                    <a:gd fmla="*/ 23 h 54" name="T43"/>
                    <a:gd fmla="*/ 20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20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20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8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20" y="52"/>
                        <a:pt x="20" y="50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23"/>
                        <a:pt x="20" y="23"/>
                        <a:pt x="20" y="23"/>
                      </a:cubicBezTo>
                      <a:cubicBezTo>
                        <a:pt x="20" y="8"/>
                        <a:pt x="20" y="8"/>
                        <a:pt x="20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20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77" name="Oval 88"/>
                <p:cNvSpPr>
                  <a:spLocks noChangeArrowheads="1"/>
                </p:cNvSpPr>
                <p:nvPr/>
              </p:nvSpPr>
              <p:spPr bwMode="auto">
                <a:xfrm>
                  <a:off x="6059488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78" name="Freeform 89"/>
                <p:cNvSpPr/>
                <p:nvPr/>
              </p:nvSpPr>
              <p:spPr bwMode="auto">
                <a:xfrm>
                  <a:off x="6169025" y="2101851"/>
                  <a:ext cx="136525" cy="282575"/>
                </a:xfrm>
                <a:custGeom>
                  <a:gdLst>
                    <a:gd fmla="*/ 19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4 w 26" name="T32"/>
                    <a:gd fmla="*/ 27 h 54" name="T33"/>
                    <a:gd fmla="*/ 14 w 26" name="T34"/>
                    <a:gd fmla="*/ 50 h 54" name="T35"/>
                    <a:gd fmla="*/ 17 w 26" name="T36"/>
                    <a:gd fmla="*/ 54 h 54" name="T37"/>
                    <a:gd fmla="*/ 19 w 26" name="T38"/>
                    <a:gd fmla="*/ 50 h 54" name="T39"/>
                    <a:gd fmla="*/ 19 w 26" name="T40"/>
                    <a:gd fmla="*/ 23 h 54" name="T41"/>
                    <a:gd fmla="*/ 19 w 26" name="T42"/>
                    <a:gd fmla="*/ 23 h 54" name="T43"/>
                    <a:gd fmla="*/ 19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19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4" y="27"/>
                        <a:pt x="14" y="27"/>
                        <a:pt x="14" y="27"/>
                      </a:cubicBezTo>
                      <a:cubicBezTo>
                        <a:pt x="14" y="50"/>
                        <a:pt x="14" y="50"/>
                        <a:pt x="14" y="50"/>
                      </a:cubicBezTo>
                      <a:cubicBezTo>
                        <a:pt x="14" y="52"/>
                        <a:pt x="15" y="54"/>
                        <a:pt x="17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4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79" name="Oval 90"/>
                <p:cNvSpPr>
                  <a:spLocks noChangeArrowheads="1"/>
                </p:cNvSpPr>
                <p:nvPr/>
              </p:nvSpPr>
              <p:spPr bwMode="auto">
                <a:xfrm>
                  <a:off x="6211888" y="2039938"/>
                  <a:ext cx="50800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80" name="Freeform 91"/>
                <p:cNvSpPr/>
                <p:nvPr/>
              </p:nvSpPr>
              <p:spPr bwMode="auto">
                <a:xfrm>
                  <a:off x="6321425" y="2101851"/>
                  <a:ext cx="134937" cy="282575"/>
                </a:xfrm>
                <a:custGeom>
                  <a:gdLst>
                    <a:gd fmla="*/ 19 w 26" name="T0"/>
                    <a:gd fmla="*/ 0 h 54" name="T1"/>
                    <a:gd fmla="*/ 7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3 w 26" name="T32"/>
                    <a:gd fmla="*/ 27 h 54" name="T33"/>
                    <a:gd fmla="*/ 13 w 26" name="T34"/>
                    <a:gd fmla="*/ 50 h 54" name="T35"/>
                    <a:gd fmla="*/ 16 w 26" name="T36"/>
                    <a:gd fmla="*/ 54 h 54" name="T37"/>
                    <a:gd fmla="*/ 19 w 26" name="T38"/>
                    <a:gd fmla="*/ 50 h 54" name="T39"/>
                    <a:gd fmla="*/ 19 w 26" name="T40"/>
                    <a:gd fmla="*/ 23 h 54" name="T41"/>
                    <a:gd fmla="*/ 19 w 26" name="T42"/>
                    <a:gd fmla="*/ 23 h 54" name="T43"/>
                    <a:gd fmla="*/ 19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19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19" y="0"/>
                      </a:move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5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81" name="Oval 92"/>
                <p:cNvSpPr>
                  <a:spLocks noChangeArrowheads="1"/>
                </p:cNvSpPr>
                <p:nvPr/>
              </p:nvSpPr>
              <p:spPr bwMode="auto">
                <a:xfrm>
                  <a:off x="6362700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82" name="Freeform 93"/>
                <p:cNvSpPr/>
                <p:nvPr/>
              </p:nvSpPr>
              <p:spPr bwMode="auto">
                <a:xfrm>
                  <a:off x="6472238" y="2101851"/>
                  <a:ext cx="136525" cy="282575"/>
                </a:xfrm>
                <a:custGeom>
                  <a:gdLst>
                    <a:gd fmla="*/ 19 w 26" name="T0"/>
                    <a:gd fmla="*/ 0 h 54" name="T1"/>
                    <a:gd fmla="*/ 6 w 26" name="T2"/>
                    <a:gd fmla="*/ 0 h 54" name="T3"/>
                    <a:gd fmla="*/ 0 w 26" name="T4"/>
                    <a:gd fmla="*/ 5 h 54" name="T5"/>
                    <a:gd fmla="*/ 0 w 26" name="T6"/>
                    <a:gd fmla="*/ 5 h 54" name="T7"/>
                    <a:gd fmla="*/ 0 w 26" name="T8"/>
                    <a:gd fmla="*/ 6 h 54" name="T9"/>
                    <a:gd fmla="*/ 0 w 26" name="T10"/>
                    <a:gd fmla="*/ 24 h 54" name="T11"/>
                    <a:gd fmla="*/ 2 w 26" name="T12"/>
                    <a:gd fmla="*/ 26 h 54" name="T13"/>
                    <a:gd fmla="*/ 4 w 26" name="T14"/>
                    <a:gd fmla="*/ 24 h 54" name="T15"/>
                    <a:gd fmla="*/ 4 w 26" name="T16"/>
                    <a:gd fmla="*/ 8 h 54" name="T17"/>
                    <a:gd fmla="*/ 6 w 26" name="T18"/>
                    <a:gd fmla="*/ 8 h 54" name="T19"/>
                    <a:gd fmla="*/ 6 w 26" name="T20"/>
                    <a:gd fmla="*/ 23 h 54" name="T21"/>
                    <a:gd fmla="*/ 6 w 26" name="T22"/>
                    <a:gd fmla="*/ 24 h 54" name="T23"/>
                    <a:gd fmla="*/ 6 w 26" name="T24"/>
                    <a:gd fmla="*/ 50 h 54" name="T25"/>
                    <a:gd fmla="*/ 9 w 26" name="T26"/>
                    <a:gd fmla="*/ 54 h 54" name="T27"/>
                    <a:gd fmla="*/ 12 w 26" name="T28"/>
                    <a:gd fmla="*/ 50 h 54" name="T29"/>
                    <a:gd fmla="*/ 12 w 26" name="T30"/>
                    <a:gd fmla="*/ 27 h 54" name="T31"/>
                    <a:gd fmla="*/ 13 w 26" name="T32"/>
                    <a:gd fmla="*/ 27 h 54" name="T33"/>
                    <a:gd fmla="*/ 13 w 26" name="T34"/>
                    <a:gd fmla="*/ 50 h 54" name="T35"/>
                    <a:gd fmla="*/ 16 w 26" name="T36"/>
                    <a:gd fmla="*/ 54 h 54" name="T37"/>
                    <a:gd fmla="*/ 19 w 26" name="T38"/>
                    <a:gd fmla="*/ 50 h 54" name="T39"/>
                    <a:gd fmla="*/ 19 w 26" name="T40"/>
                    <a:gd fmla="*/ 23 h 54" name="T41"/>
                    <a:gd fmla="*/ 19 w 26" name="T42"/>
                    <a:gd fmla="*/ 23 h 54" name="T43"/>
                    <a:gd fmla="*/ 19 w 26" name="T44"/>
                    <a:gd fmla="*/ 8 h 54" name="T45"/>
                    <a:gd fmla="*/ 21 w 26" name="T46"/>
                    <a:gd fmla="*/ 8 h 54" name="T47"/>
                    <a:gd fmla="*/ 21 w 26" name="T48"/>
                    <a:gd fmla="*/ 24 h 54" name="T49"/>
                    <a:gd fmla="*/ 23 w 26" name="T50"/>
                    <a:gd fmla="*/ 26 h 54" name="T51"/>
                    <a:gd fmla="*/ 26 w 26" name="T52"/>
                    <a:gd fmla="*/ 24 h 54" name="T53"/>
                    <a:gd fmla="*/ 26 w 26" name="T54"/>
                    <a:gd fmla="*/ 6 h 54" name="T55"/>
                    <a:gd fmla="*/ 26 w 26" name="T56"/>
                    <a:gd fmla="*/ 5 h 54" name="T57"/>
                    <a:gd fmla="*/ 26 w 26" name="T58"/>
                    <a:gd fmla="*/ 5 h 54" name="T59"/>
                    <a:gd fmla="*/ 19 w 26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6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6" y="25"/>
                        <a:pt x="26" y="24"/>
                      </a:cubicBezTo>
                      <a:cubicBezTo>
                        <a:pt x="26" y="6"/>
                        <a:pt x="26" y="6"/>
                        <a:pt x="26" y="6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5"/>
                        <a:pt x="26" y="5"/>
                        <a:pt x="26" y="5"/>
                      </a:cubicBezTo>
                      <a:cubicBezTo>
                        <a:pt x="26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83" name="Oval 94"/>
                <p:cNvSpPr>
                  <a:spLocks noChangeArrowheads="1"/>
                </p:cNvSpPr>
                <p:nvPr/>
              </p:nvSpPr>
              <p:spPr bwMode="auto">
                <a:xfrm>
                  <a:off x="6513513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84" name="Freeform 95"/>
                <p:cNvSpPr/>
                <p:nvPr/>
              </p:nvSpPr>
              <p:spPr bwMode="auto">
                <a:xfrm>
                  <a:off x="6624638" y="2101851"/>
                  <a:ext cx="130175" cy="282575"/>
                </a:xfrm>
                <a:custGeom>
                  <a:gdLst>
                    <a:gd fmla="*/ 19 w 25" name="T0"/>
                    <a:gd fmla="*/ 0 h 54" name="T1"/>
                    <a:gd fmla="*/ 6 w 25" name="T2"/>
                    <a:gd fmla="*/ 0 h 54" name="T3"/>
                    <a:gd fmla="*/ 0 w 25" name="T4"/>
                    <a:gd fmla="*/ 5 h 54" name="T5"/>
                    <a:gd fmla="*/ 0 w 25" name="T6"/>
                    <a:gd fmla="*/ 5 h 54" name="T7"/>
                    <a:gd fmla="*/ 0 w 25" name="T8"/>
                    <a:gd fmla="*/ 6 h 54" name="T9"/>
                    <a:gd fmla="*/ 0 w 25" name="T10"/>
                    <a:gd fmla="*/ 24 h 54" name="T11"/>
                    <a:gd fmla="*/ 2 w 25" name="T12"/>
                    <a:gd fmla="*/ 26 h 54" name="T13"/>
                    <a:gd fmla="*/ 4 w 25" name="T14"/>
                    <a:gd fmla="*/ 24 h 54" name="T15"/>
                    <a:gd fmla="*/ 4 w 25" name="T16"/>
                    <a:gd fmla="*/ 8 h 54" name="T17"/>
                    <a:gd fmla="*/ 6 w 25" name="T18"/>
                    <a:gd fmla="*/ 8 h 54" name="T19"/>
                    <a:gd fmla="*/ 6 w 25" name="T20"/>
                    <a:gd fmla="*/ 23 h 54" name="T21"/>
                    <a:gd fmla="*/ 6 w 25" name="T22"/>
                    <a:gd fmla="*/ 24 h 54" name="T23"/>
                    <a:gd fmla="*/ 6 w 25" name="T24"/>
                    <a:gd fmla="*/ 50 h 54" name="T25"/>
                    <a:gd fmla="*/ 9 w 25" name="T26"/>
                    <a:gd fmla="*/ 54 h 54" name="T27"/>
                    <a:gd fmla="*/ 12 w 25" name="T28"/>
                    <a:gd fmla="*/ 50 h 54" name="T29"/>
                    <a:gd fmla="*/ 12 w 25" name="T30"/>
                    <a:gd fmla="*/ 27 h 54" name="T31"/>
                    <a:gd fmla="*/ 13 w 25" name="T32"/>
                    <a:gd fmla="*/ 27 h 54" name="T33"/>
                    <a:gd fmla="*/ 13 w 25" name="T34"/>
                    <a:gd fmla="*/ 50 h 54" name="T35"/>
                    <a:gd fmla="*/ 16 w 25" name="T36"/>
                    <a:gd fmla="*/ 54 h 54" name="T37"/>
                    <a:gd fmla="*/ 19 w 25" name="T38"/>
                    <a:gd fmla="*/ 50 h 54" name="T39"/>
                    <a:gd fmla="*/ 19 w 25" name="T40"/>
                    <a:gd fmla="*/ 23 h 54" name="T41"/>
                    <a:gd fmla="*/ 19 w 25" name="T42"/>
                    <a:gd fmla="*/ 23 h 54" name="T43"/>
                    <a:gd fmla="*/ 19 w 25" name="T44"/>
                    <a:gd fmla="*/ 8 h 54" name="T45"/>
                    <a:gd fmla="*/ 21 w 25" name="T46"/>
                    <a:gd fmla="*/ 8 h 54" name="T47"/>
                    <a:gd fmla="*/ 21 w 25" name="T48"/>
                    <a:gd fmla="*/ 24 h 54" name="T49"/>
                    <a:gd fmla="*/ 23 w 25" name="T50"/>
                    <a:gd fmla="*/ 26 h 54" name="T51"/>
                    <a:gd fmla="*/ 25 w 25" name="T52"/>
                    <a:gd fmla="*/ 24 h 54" name="T53"/>
                    <a:gd fmla="*/ 25 w 25" name="T54"/>
                    <a:gd fmla="*/ 6 h 54" name="T55"/>
                    <a:gd fmla="*/ 25 w 25" name="T56"/>
                    <a:gd fmla="*/ 5 h 54" name="T57"/>
                    <a:gd fmla="*/ 25 w 25" name="T58"/>
                    <a:gd fmla="*/ 5 h 54" name="T59"/>
                    <a:gd fmla="*/ 19 w 25" name="T60"/>
                    <a:gd fmla="*/ 0 h 54" name="T61"/>
                  </a:gdLst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</a:cxnLst>
                  <a:rect b="b" l="0" r="r" t="0"/>
                  <a:pathLst>
                    <a:path h="54" w="25">
                      <a:moveTo>
                        <a:pt x="19" y="0"/>
                      </a:moveTo>
                      <a:cubicBezTo>
                        <a:pt x="6" y="0"/>
                        <a:pt x="6" y="0"/>
                        <a:pt x="6" y="0"/>
                      </a:cubicBezTo>
                      <a:cubicBezTo>
                        <a:pt x="2" y="0"/>
                        <a:pt x="0" y="4"/>
                        <a:pt x="0" y="5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6"/>
                        <a:pt x="0" y="6"/>
                        <a:pt x="0" y="6"/>
                      </a:cubicBezTo>
                      <a:cubicBezTo>
                        <a:pt x="0" y="24"/>
                        <a:pt x="0" y="24"/>
                        <a:pt x="0" y="24"/>
                      </a:cubicBezTo>
                      <a:cubicBezTo>
                        <a:pt x="0" y="25"/>
                        <a:pt x="1" y="26"/>
                        <a:pt x="2" y="26"/>
                      </a:cubicBezTo>
                      <a:cubicBezTo>
                        <a:pt x="3" y="26"/>
                        <a:pt x="4" y="25"/>
                        <a:pt x="4" y="24"/>
                      </a:cubicBezTo>
                      <a:cubicBezTo>
                        <a:pt x="4" y="8"/>
                        <a:pt x="4" y="8"/>
                        <a:pt x="4" y="8"/>
                      </a:cubicBezTo>
                      <a:cubicBezTo>
                        <a:pt x="6" y="8"/>
                        <a:pt x="6" y="8"/>
                        <a:pt x="6" y="8"/>
                      </a:cubicBezTo>
                      <a:cubicBezTo>
                        <a:pt x="6" y="23"/>
                        <a:pt x="6" y="23"/>
                        <a:pt x="6" y="23"/>
                      </a:cubicBezTo>
                      <a:cubicBezTo>
                        <a:pt x="6" y="23"/>
                        <a:pt x="6" y="24"/>
                        <a:pt x="6" y="24"/>
                      </a:cubicBezTo>
                      <a:cubicBezTo>
                        <a:pt x="6" y="50"/>
                        <a:pt x="6" y="50"/>
                        <a:pt x="6" y="50"/>
                      </a:cubicBezTo>
                      <a:cubicBezTo>
                        <a:pt x="6" y="52"/>
                        <a:pt x="7" y="54"/>
                        <a:pt x="9" y="54"/>
                      </a:cubicBezTo>
                      <a:cubicBezTo>
                        <a:pt x="11" y="54"/>
                        <a:pt x="12" y="52"/>
                        <a:pt x="12" y="50"/>
                      </a:cubicBezTo>
                      <a:cubicBezTo>
                        <a:pt x="12" y="27"/>
                        <a:pt x="12" y="27"/>
                        <a:pt x="12" y="27"/>
                      </a:cubicBezTo>
                      <a:cubicBezTo>
                        <a:pt x="13" y="27"/>
                        <a:pt x="13" y="27"/>
                        <a:pt x="13" y="27"/>
                      </a:cubicBezTo>
                      <a:cubicBezTo>
                        <a:pt x="13" y="50"/>
                        <a:pt x="13" y="50"/>
                        <a:pt x="13" y="50"/>
                      </a:cubicBezTo>
                      <a:cubicBezTo>
                        <a:pt x="13" y="52"/>
                        <a:pt x="15" y="54"/>
                        <a:pt x="16" y="54"/>
                      </a:cubicBezTo>
                      <a:cubicBezTo>
                        <a:pt x="18" y="54"/>
                        <a:pt x="19" y="52"/>
                        <a:pt x="19" y="50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23"/>
                        <a:pt x="19" y="23"/>
                        <a:pt x="19" y="23"/>
                      </a:cubicBezTo>
                      <a:cubicBezTo>
                        <a:pt x="19" y="8"/>
                        <a:pt x="19" y="8"/>
                        <a:pt x="19" y="8"/>
                      </a:cubicBezTo>
                      <a:cubicBezTo>
                        <a:pt x="21" y="8"/>
                        <a:pt x="21" y="8"/>
                        <a:pt x="21" y="8"/>
                      </a:cubicBezTo>
                      <a:cubicBezTo>
                        <a:pt x="21" y="24"/>
                        <a:pt x="21" y="24"/>
                        <a:pt x="21" y="24"/>
                      </a:cubicBezTo>
                      <a:cubicBezTo>
                        <a:pt x="21" y="25"/>
                        <a:pt x="22" y="26"/>
                        <a:pt x="23" y="26"/>
                      </a:cubicBezTo>
                      <a:cubicBezTo>
                        <a:pt x="24" y="26"/>
                        <a:pt x="25" y="25"/>
                        <a:pt x="25" y="24"/>
                      </a:cubicBezTo>
                      <a:cubicBezTo>
                        <a:pt x="25" y="6"/>
                        <a:pt x="25" y="6"/>
                        <a:pt x="25" y="6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5"/>
                        <a:pt x="25" y="5"/>
                        <a:pt x="25" y="5"/>
                      </a:cubicBezTo>
                      <a:cubicBezTo>
                        <a:pt x="25" y="3"/>
                        <a:pt x="23" y="0"/>
                        <a:pt x="19" y="0"/>
                      </a:cubicBezTo>
                    </a:path>
                  </a:pathLst>
                </a:cu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  <p:sp>
              <p:nvSpPr>
                <p:cNvPr id="85" name="Oval 96"/>
                <p:cNvSpPr>
                  <a:spLocks noChangeArrowheads="1"/>
                </p:cNvSpPr>
                <p:nvPr/>
              </p:nvSpPr>
              <p:spPr bwMode="auto">
                <a:xfrm>
                  <a:off x="6665913" y="2039938"/>
                  <a:ext cx="52387" cy="57150"/>
                </a:xfrm>
                <a:prstGeom prst="ellipse">
                  <a:avLst/>
                </a:prstGeom>
                <a:solidFill>
                  <a:srgbClr val="F98377"/>
                </a:solidFill>
                <a:ln>
                  <a:noFill/>
                </a:ln>
              </p:spPr>
              <p:txBody>
                <a:bodyPr anchor="t" anchorCtr="0" bIns="45720" compatLnSpc="1" lIns="91440" numCol="1" rIns="91440" tIns="45720" vert="horz" wrap="square">
                  <a:prstTxWarp prst="textNoShape">
                    <a:avLst/>
                  </a:prstTxWarp>
                </a:bodyPr>
                <a:lstStyle/>
                <a:p>
                  <a:endParaRPr altLang="en-US" lang="zh-CN"/>
                </a:p>
              </p:txBody>
            </p:sp>
          </p:grpSp>
          <p:sp>
            <p:nvSpPr>
              <p:cNvPr id="73" name="TextBox 72"/>
              <p:cNvSpPr txBox="1"/>
              <p:nvPr/>
            </p:nvSpPr>
            <p:spPr>
              <a:xfrm>
                <a:off x="5141550" y="3273073"/>
                <a:ext cx="495903" cy="30480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 sz="140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charset="-120" pitchFamily="50" typeface="MStiffHeiHK-UltraBold"/>
                    <a:ea charset="-120" pitchFamily="50" typeface="MStiffHeiHK-UltraBold"/>
                  </a:rPr>
                  <a:t>Text</a:t>
                </a:r>
              </a:p>
            </p:txBody>
          </p:sp>
        </p:grpSp>
        <p:cxnSp>
          <p:nvCxnSpPr>
            <p:cNvPr id="71" name="直接连接符 70"/>
            <p:cNvCxnSpPr/>
            <p:nvPr/>
          </p:nvCxnSpPr>
          <p:spPr>
            <a:xfrm>
              <a:off x="5053868" y="3883901"/>
              <a:ext cx="3544284" cy="0"/>
            </a:xfrm>
            <a:prstGeom prst="line">
              <a:avLst/>
            </a:prstGeom>
            <a:ln w="28575">
              <a:solidFill>
                <a:srgbClr val="E1DAAD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21" presetSubtype="1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heel(1)" transition="in">
                                      <p:cBhvr>
                                        <p:cTn dur="125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8" nodeType="withEffect" presetClass="entr" presetID="21" presetSubtype="1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dur="1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heel(1)" transition="in">
                                      <p:cBhvr>
                                        <p:cTn dur="1250" id="1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1" nodeType="withEffect" presetClass="entr" presetID="21" presetSubtype="1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dur="1" fill="hold" id="1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heel(1)" transition="in">
                                      <p:cBhvr>
                                        <p:cTn dur="1250" id="13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4" nodeType="withEffect" presetClass="entr" presetID="12" presetSubtype="8">
                                  <p:stCondLst>
                                    <p:cond delay="2500"/>
                                  </p:stCondLst>
                                  <p:childTnLst>
                                    <p:set>
                                      <p:cBhvr>
                                        <p:cTn dur="1" fill="hold" id="1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16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filter="wipe(right)" transition="in">
                                      <p:cBhvr>
                                        <p:cTn dur="500" id="17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8" nodeType="withEffect" presetClass="entr" presetID="12" presetSubtype="8">
                                  <p:stCondLst>
                                    <p:cond delay="2800"/>
                                  </p:stCondLst>
                                  <p:childTnLst>
                                    <p:set>
                                      <p:cBhvr>
                                        <p:cTn dur="1" fill="hold" id="1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20"/>
                                        <p:tgtEl>
                                          <p:spTgt spid="4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filter="wipe(right)" transition="in">
                                      <p:cBhvr>
                                        <p:cTn dur="500" id="21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22" nodeType="withEffect" presetClass="entr" presetID="12" presetSubtype="8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dur="1" fill="hold" id="2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24"/>
                                        <p:tgtEl>
                                          <p:spTgt spid="6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filter="wipe(right)" transition="in">
                                      <p:cBhvr>
                                        <p:cTn dur="500" id="25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666828" y="1778039"/>
            <a:ext cx="7060002" cy="3473908"/>
            <a:chOff x="1512888" y="1339851"/>
            <a:chExt cx="6094413" cy="2998787"/>
          </a:xfrm>
        </p:grpSpPr>
        <p:sp>
          <p:nvSpPr>
            <p:cNvPr id="3" name="Freeform 6"/>
            <p:cNvSpPr/>
            <p:nvPr/>
          </p:nvSpPr>
          <p:spPr bwMode="auto">
            <a:xfrm>
              <a:off x="6629401" y="3303588"/>
              <a:ext cx="307975" cy="161925"/>
            </a:xfrm>
            <a:custGeom>
              <a:gdLst>
                <a:gd fmla="*/ 23 w 70" name="T0"/>
                <a:gd fmla="*/ 18 h 37" name="T1"/>
                <a:gd fmla="*/ 20 w 70" name="T2"/>
                <a:gd fmla="*/ 17 h 37" name="T3"/>
                <a:gd fmla="*/ 18 w 70" name="T4"/>
                <a:gd fmla="*/ 13 h 37" name="T5"/>
                <a:gd fmla="*/ 7 w 70" name="T6"/>
                <a:gd fmla="*/ 10 h 37" name="T7"/>
                <a:gd fmla="*/ 1 w 70" name="T8"/>
                <a:gd fmla="*/ 10 h 37" name="T9"/>
                <a:gd fmla="*/ 0 w 70" name="T10"/>
                <a:gd fmla="*/ 6 h 37" name="T11"/>
                <a:gd fmla="*/ 3 w 70" name="T12"/>
                <a:gd fmla="*/ 6 h 37" name="T13"/>
                <a:gd fmla="*/ 6 w 70" name="T14"/>
                <a:gd fmla="*/ 5 h 37" name="T15"/>
                <a:gd fmla="*/ 11 w 70" name="T16"/>
                <a:gd fmla="*/ 7 h 37" name="T17"/>
                <a:gd fmla="*/ 15 w 70" name="T18"/>
                <a:gd fmla="*/ 4 h 37" name="T19"/>
                <a:gd fmla="*/ 22 w 70" name="T20"/>
                <a:gd fmla="*/ 1 h 37" name="T21"/>
                <a:gd fmla="*/ 24 w 70" name="T22"/>
                <a:gd fmla="*/ 3 h 37" name="T23"/>
                <a:gd fmla="*/ 32 w 70" name="T24"/>
                <a:gd fmla="*/ 6 h 37" name="T25"/>
                <a:gd fmla="*/ 34 w 70" name="T26"/>
                <a:gd fmla="*/ 5 h 37" name="T27"/>
                <a:gd fmla="*/ 36 w 70" name="T28"/>
                <a:gd fmla="*/ 7 h 37" name="T29"/>
                <a:gd fmla="*/ 41 w 70" name="T30"/>
                <a:gd fmla="*/ 7 h 37" name="T31"/>
                <a:gd fmla="*/ 44 w 70" name="T32"/>
                <a:gd fmla="*/ 9 h 37" name="T33"/>
                <a:gd fmla="*/ 44 w 70" name="T34"/>
                <a:gd fmla="*/ 12 h 37" name="T35"/>
                <a:gd fmla="*/ 46 w 70" name="T36"/>
                <a:gd fmla="*/ 11 h 37" name="T37"/>
                <a:gd fmla="*/ 47 w 70" name="T38"/>
                <a:gd fmla="*/ 14 h 37" name="T39"/>
                <a:gd fmla="*/ 52 w 70" name="T40"/>
                <a:gd fmla="*/ 17 h 37" name="T41"/>
                <a:gd fmla="*/ 60 w 70" name="T42"/>
                <a:gd fmla="*/ 19 h 37" name="T43"/>
                <a:gd fmla="*/ 59 w 70" name="T44"/>
                <a:gd fmla="*/ 22 h 37" name="T45"/>
                <a:gd fmla="*/ 62 w 70" name="T46"/>
                <a:gd fmla="*/ 24 h 37" name="T47"/>
                <a:gd fmla="*/ 62 w 70" name="T48"/>
                <a:gd fmla="*/ 26 h 37" name="T49"/>
                <a:gd fmla="*/ 65 w 70" name="T50"/>
                <a:gd fmla="*/ 30 h 37" name="T51"/>
                <a:gd fmla="*/ 70 w 70" name="T52"/>
                <a:gd fmla="*/ 35 h 37" name="T53"/>
                <a:gd fmla="*/ 63 w 70" name="T54"/>
                <a:gd fmla="*/ 35 h 37" name="T55"/>
                <a:gd fmla="*/ 58 w 70" name="T56"/>
                <a:gd fmla="*/ 31 h 37" name="T57"/>
                <a:gd fmla="*/ 56 w 70" name="T58"/>
                <a:gd fmla="*/ 29 h 37" name="T59"/>
                <a:gd fmla="*/ 55 w 70" name="T60"/>
                <a:gd fmla="*/ 28 h 37" name="T61"/>
                <a:gd fmla="*/ 52 w 70" name="T62"/>
                <a:gd fmla="*/ 25 h 37" name="T63"/>
                <a:gd fmla="*/ 44 w 70" name="T64"/>
                <a:gd fmla="*/ 24 h 37" name="T65"/>
                <a:gd fmla="*/ 41 w 70" name="T66"/>
                <a:gd fmla="*/ 33 h 37" name="T67"/>
                <a:gd fmla="*/ 35 w 70" name="T68"/>
                <a:gd fmla="*/ 31 h 37" name="T69"/>
                <a:gd fmla="*/ 32 w 70" name="T70"/>
                <a:gd fmla="*/ 30 h 37" name="T71"/>
                <a:gd fmla="*/ 28 w 70" name="T72"/>
                <a:gd fmla="*/ 25 h 37" name="T73"/>
                <a:gd fmla="*/ 24 w 70" name="T74"/>
                <a:gd fmla="*/ 29 h 37" name="T75"/>
                <a:gd fmla="*/ 21 w 70" name="T76"/>
                <a:gd fmla="*/ 27 h 37" name="T77"/>
                <a:gd fmla="*/ 24 w 70" name="T78"/>
                <a:gd fmla="*/ 24 h 37" name="T79"/>
                <a:gd fmla="*/ 26 w 70" name="T80"/>
                <a:gd fmla="*/ 20 h 37" name="T81"/>
                <a:gd fmla="*/ 25 w 70" name="T82"/>
                <a:gd fmla="*/ 22 h 37" name="T83"/>
                <a:gd fmla="*/ 23 w 70" name="T84"/>
                <a:gd fmla="*/ 18 h 37" name="T85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</a:cxnLst>
              <a:rect b="b" l="0" r="r" t="0"/>
              <a:pathLst>
                <a:path h="37" w="70">
                  <a:moveTo>
                    <a:pt x="23" y="18"/>
                  </a:moveTo>
                  <a:cubicBezTo>
                    <a:pt x="21" y="18"/>
                    <a:pt x="22" y="16"/>
                    <a:pt x="20" y="17"/>
                  </a:cubicBezTo>
                  <a:cubicBezTo>
                    <a:pt x="19" y="15"/>
                    <a:pt x="18" y="14"/>
                    <a:pt x="18" y="13"/>
                  </a:cubicBezTo>
                  <a:cubicBezTo>
                    <a:pt x="13" y="12"/>
                    <a:pt x="9" y="12"/>
                    <a:pt x="7" y="10"/>
                  </a:cubicBezTo>
                  <a:cubicBezTo>
                    <a:pt x="4" y="11"/>
                    <a:pt x="5" y="10"/>
                    <a:pt x="1" y="10"/>
                  </a:cubicBezTo>
                  <a:cubicBezTo>
                    <a:pt x="1" y="8"/>
                    <a:pt x="2" y="6"/>
                    <a:pt x="0" y="6"/>
                  </a:cubicBezTo>
                  <a:cubicBezTo>
                    <a:pt x="1" y="4"/>
                    <a:pt x="2" y="6"/>
                    <a:pt x="3" y="6"/>
                  </a:cubicBezTo>
                  <a:cubicBezTo>
                    <a:pt x="5" y="6"/>
                    <a:pt x="5" y="5"/>
                    <a:pt x="6" y="5"/>
                  </a:cubicBezTo>
                  <a:cubicBezTo>
                    <a:pt x="8" y="5"/>
                    <a:pt x="9" y="7"/>
                    <a:pt x="11" y="7"/>
                  </a:cubicBezTo>
                  <a:cubicBezTo>
                    <a:pt x="13" y="8"/>
                    <a:pt x="14" y="5"/>
                    <a:pt x="15" y="4"/>
                  </a:cubicBezTo>
                  <a:cubicBezTo>
                    <a:pt x="17" y="3"/>
                    <a:pt x="20" y="3"/>
                    <a:pt x="22" y="1"/>
                  </a:cubicBezTo>
                  <a:cubicBezTo>
                    <a:pt x="24" y="0"/>
                    <a:pt x="24" y="3"/>
                    <a:pt x="24" y="3"/>
                  </a:cubicBezTo>
                  <a:cubicBezTo>
                    <a:pt x="26" y="4"/>
                    <a:pt x="32" y="3"/>
                    <a:pt x="32" y="6"/>
                  </a:cubicBezTo>
                  <a:cubicBezTo>
                    <a:pt x="33" y="7"/>
                    <a:pt x="34" y="5"/>
                    <a:pt x="34" y="5"/>
                  </a:cubicBezTo>
                  <a:cubicBezTo>
                    <a:pt x="35" y="5"/>
                    <a:pt x="35" y="7"/>
                    <a:pt x="36" y="7"/>
                  </a:cubicBezTo>
                  <a:cubicBezTo>
                    <a:pt x="37" y="8"/>
                    <a:pt x="39" y="7"/>
                    <a:pt x="41" y="7"/>
                  </a:cubicBezTo>
                  <a:cubicBezTo>
                    <a:pt x="41" y="7"/>
                    <a:pt x="41" y="10"/>
                    <a:pt x="44" y="9"/>
                  </a:cubicBezTo>
                  <a:cubicBezTo>
                    <a:pt x="45" y="10"/>
                    <a:pt x="45" y="10"/>
                    <a:pt x="44" y="12"/>
                  </a:cubicBezTo>
                  <a:cubicBezTo>
                    <a:pt x="45" y="12"/>
                    <a:pt x="46" y="12"/>
                    <a:pt x="46" y="11"/>
                  </a:cubicBezTo>
                  <a:cubicBezTo>
                    <a:pt x="47" y="11"/>
                    <a:pt x="47" y="13"/>
                    <a:pt x="47" y="14"/>
                  </a:cubicBezTo>
                  <a:cubicBezTo>
                    <a:pt x="48" y="15"/>
                    <a:pt x="50" y="15"/>
                    <a:pt x="52" y="17"/>
                  </a:cubicBezTo>
                  <a:cubicBezTo>
                    <a:pt x="53" y="17"/>
                    <a:pt x="57" y="19"/>
                    <a:pt x="60" y="19"/>
                  </a:cubicBezTo>
                  <a:cubicBezTo>
                    <a:pt x="60" y="21"/>
                    <a:pt x="59" y="21"/>
                    <a:pt x="59" y="22"/>
                  </a:cubicBezTo>
                  <a:cubicBezTo>
                    <a:pt x="59" y="23"/>
                    <a:pt x="61" y="23"/>
                    <a:pt x="62" y="24"/>
                  </a:cubicBezTo>
                  <a:cubicBezTo>
                    <a:pt x="62" y="25"/>
                    <a:pt x="61" y="26"/>
                    <a:pt x="62" y="26"/>
                  </a:cubicBezTo>
                  <a:cubicBezTo>
                    <a:pt x="63" y="27"/>
                    <a:pt x="64" y="28"/>
                    <a:pt x="65" y="30"/>
                  </a:cubicBezTo>
                  <a:cubicBezTo>
                    <a:pt x="67" y="32"/>
                    <a:pt x="68" y="34"/>
                    <a:pt x="70" y="35"/>
                  </a:cubicBezTo>
                  <a:cubicBezTo>
                    <a:pt x="68" y="37"/>
                    <a:pt x="65" y="35"/>
                    <a:pt x="63" y="35"/>
                  </a:cubicBezTo>
                  <a:cubicBezTo>
                    <a:pt x="62" y="34"/>
                    <a:pt x="60" y="33"/>
                    <a:pt x="58" y="31"/>
                  </a:cubicBezTo>
                  <a:cubicBezTo>
                    <a:pt x="57" y="30"/>
                    <a:pt x="56" y="30"/>
                    <a:pt x="56" y="29"/>
                  </a:cubicBezTo>
                  <a:cubicBezTo>
                    <a:pt x="55" y="28"/>
                    <a:pt x="55" y="29"/>
                    <a:pt x="55" y="28"/>
                  </a:cubicBezTo>
                  <a:cubicBezTo>
                    <a:pt x="55" y="28"/>
                    <a:pt x="52" y="25"/>
                    <a:pt x="52" y="25"/>
                  </a:cubicBezTo>
                  <a:cubicBezTo>
                    <a:pt x="50" y="24"/>
                    <a:pt x="47" y="26"/>
                    <a:pt x="44" y="24"/>
                  </a:cubicBezTo>
                  <a:cubicBezTo>
                    <a:pt x="42" y="26"/>
                    <a:pt x="42" y="30"/>
                    <a:pt x="41" y="33"/>
                  </a:cubicBezTo>
                  <a:cubicBezTo>
                    <a:pt x="40" y="31"/>
                    <a:pt x="36" y="32"/>
                    <a:pt x="35" y="31"/>
                  </a:cubicBezTo>
                  <a:cubicBezTo>
                    <a:pt x="34" y="30"/>
                    <a:pt x="35" y="28"/>
                    <a:pt x="32" y="30"/>
                  </a:cubicBezTo>
                  <a:cubicBezTo>
                    <a:pt x="34" y="25"/>
                    <a:pt x="27" y="29"/>
                    <a:pt x="28" y="25"/>
                  </a:cubicBezTo>
                  <a:cubicBezTo>
                    <a:pt x="26" y="25"/>
                    <a:pt x="24" y="26"/>
                    <a:pt x="24" y="29"/>
                  </a:cubicBezTo>
                  <a:cubicBezTo>
                    <a:pt x="23" y="28"/>
                    <a:pt x="23" y="27"/>
                    <a:pt x="21" y="27"/>
                  </a:cubicBezTo>
                  <a:cubicBezTo>
                    <a:pt x="22" y="25"/>
                    <a:pt x="23" y="25"/>
                    <a:pt x="24" y="24"/>
                  </a:cubicBezTo>
                  <a:cubicBezTo>
                    <a:pt x="25" y="23"/>
                    <a:pt x="27" y="23"/>
                    <a:pt x="26" y="20"/>
                  </a:cubicBezTo>
                  <a:cubicBezTo>
                    <a:pt x="26" y="20"/>
                    <a:pt x="25" y="22"/>
                    <a:pt x="25" y="22"/>
                  </a:cubicBezTo>
                  <a:cubicBezTo>
                    <a:pt x="23" y="22"/>
                    <a:pt x="24" y="16"/>
                    <a:pt x="23" y="18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" name="Freeform 7"/>
            <p:cNvSpPr/>
            <p:nvPr/>
          </p:nvSpPr>
          <p:spPr bwMode="auto">
            <a:xfrm>
              <a:off x="3132138" y="1339851"/>
              <a:ext cx="1028700" cy="766762"/>
            </a:xfrm>
            <a:custGeom>
              <a:gdLst>
                <a:gd fmla="*/ 167 w 235" name="T0"/>
                <a:gd fmla="*/ 20 h 175" name="T1"/>
                <a:gd fmla="*/ 176 w 235" name="T2"/>
                <a:gd fmla="*/ 21 h 175" name="T3"/>
                <a:gd fmla="*/ 189 w 235" name="T4"/>
                <a:gd fmla="*/ 18 h 175" name="T5"/>
                <a:gd fmla="*/ 197 w 235" name="T6"/>
                <a:gd fmla="*/ 19 h 175" name="T7"/>
                <a:gd fmla="*/ 196 w 235" name="T8"/>
                <a:gd fmla="*/ 22 h 175" name="T9"/>
                <a:gd fmla="*/ 221 w 235" name="T10"/>
                <a:gd fmla="*/ 17 h 175" name="T11"/>
                <a:gd fmla="*/ 234 w 235" name="T12"/>
                <a:gd fmla="*/ 20 h 175" name="T13"/>
                <a:gd fmla="*/ 217 w 235" name="T14"/>
                <a:gd fmla="*/ 28 h 175" name="T15"/>
                <a:gd fmla="*/ 212 w 235" name="T16"/>
                <a:gd fmla="*/ 35 h 175" name="T17"/>
                <a:gd fmla="*/ 204 w 235" name="T18"/>
                <a:gd fmla="*/ 45 h 175" name="T19"/>
                <a:gd fmla="*/ 206 w 235" name="T20"/>
                <a:gd fmla="*/ 53 h 175" name="T21"/>
                <a:gd fmla="*/ 200 w 235" name="T22"/>
                <a:gd fmla="*/ 62 h 175" name="T23"/>
                <a:gd fmla="*/ 207 w 235" name="T24"/>
                <a:gd fmla="*/ 73 h 175" name="T25"/>
                <a:gd fmla="*/ 201 w 235" name="T26"/>
                <a:gd fmla="*/ 82 h 175" name="T27"/>
                <a:gd fmla="*/ 194 w 235" name="T28"/>
                <a:gd fmla="*/ 89 h 175" name="T29"/>
                <a:gd fmla="*/ 204 w 235" name="T30"/>
                <a:gd fmla="*/ 107 h 175" name="T31"/>
                <a:gd fmla="*/ 189 w 235" name="T32"/>
                <a:gd fmla="*/ 105 h 175" name="T33"/>
                <a:gd fmla="*/ 188 w 235" name="T34"/>
                <a:gd fmla="*/ 110 h 175" name="T35"/>
                <a:gd fmla="*/ 181 w 235" name="T36"/>
                <a:gd fmla="*/ 120 h 175" name="T37"/>
                <a:gd fmla="*/ 166 w 235" name="T38"/>
                <a:gd fmla="*/ 124 h 175" name="T39"/>
                <a:gd fmla="*/ 158 w 235" name="T40"/>
                <a:gd fmla="*/ 129 h 175" name="T41"/>
                <a:gd fmla="*/ 153 w 235" name="T42"/>
                <a:gd fmla="*/ 134 h 175" name="T43"/>
                <a:gd fmla="*/ 132 w 235" name="T44"/>
                <a:gd fmla="*/ 140 h 175" name="T45"/>
                <a:gd fmla="*/ 126 w 235" name="T46"/>
                <a:gd fmla="*/ 149 h 175" name="T47"/>
                <a:gd fmla="*/ 121 w 235" name="T48"/>
                <a:gd fmla="*/ 156 h 175" name="T49"/>
                <a:gd fmla="*/ 119 w 235" name="T50"/>
                <a:gd fmla="*/ 164 h 175" name="T51"/>
                <a:gd fmla="*/ 106 w 235" name="T52"/>
                <a:gd fmla="*/ 172 h 175" name="T53"/>
                <a:gd fmla="*/ 93 w 235" name="T54"/>
                <a:gd fmla="*/ 165 h 175" name="T55"/>
                <a:gd fmla="*/ 85 w 235" name="T56"/>
                <a:gd fmla="*/ 155 h 175" name="T57"/>
                <a:gd fmla="*/ 81 w 235" name="T58"/>
                <a:gd fmla="*/ 149 h 175" name="T59"/>
                <a:gd fmla="*/ 77 w 235" name="T60"/>
                <a:gd fmla="*/ 134 h 175" name="T61"/>
                <a:gd fmla="*/ 79 w 235" name="T62"/>
                <a:gd fmla="*/ 130 h 175" name="T63"/>
                <a:gd fmla="*/ 85 w 235" name="T64"/>
                <a:gd fmla="*/ 122 h 175" name="T65"/>
                <a:gd fmla="*/ 82 w 235" name="T66"/>
                <a:gd fmla="*/ 112 h 175" name="T67"/>
                <a:gd fmla="*/ 84 w 235" name="T68"/>
                <a:gd fmla="*/ 105 h 175" name="T69"/>
                <a:gd fmla="*/ 74 w 235" name="T70"/>
                <a:gd fmla="*/ 102 h 175" name="T71"/>
                <a:gd fmla="*/ 67 w 235" name="T72"/>
                <a:gd fmla="*/ 89 h 175" name="T73"/>
                <a:gd fmla="*/ 61 w 235" name="T74"/>
                <a:gd fmla="*/ 76 h 175" name="T75"/>
                <a:gd fmla="*/ 43 w 235" name="T76"/>
                <a:gd fmla="*/ 67 h 175" name="T77"/>
                <a:gd fmla="*/ 20 w 235" name="T78"/>
                <a:gd fmla="*/ 68 h 175" name="T79"/>
                <a:gd fmla="*/ 20 w 235" name="T80"/>
                <a:gd fmla="*/ 63 h 175" name="T81"/>
                <a:gd fmla="*/ 10 w 235" name="T82"/>
                <a:gd fmla="*/ 54 h 175" name="T83"/>
                <a:gd fmla="*/ 15 w 235" name="T84"/>
                <a:gd fmla="*/ 46 h 175" name="T85"/>
                <a:gd fmla="*/ 26 w 235" name="T86"/>
                <a:gd fmla="*/ 41 h 175" name="T87"/>
                <a:gd fmla="*/ 28 w 235" name="T88"/>
                <a:gd fmla="*/ 35 h 175" name="T89"/>
                <a:gd fmla="*/ 25 w 235" name="T90"/>
                <a:gd fmla="*/ 31 h 175" name="T91"/>
                <a:gd fmla="*/ 34 w 235" name="T92"/>
                <a:gd fmla="*/ 28 h 175" name="T93"/>
                <a:gd fmla="*/ 43 w 235" name="T94"/>
                <a:gd fmla="*/ 19 h 175" name="T95"/>
                <a:gd fmla="*/ 72 w 235" name="T96"/>
                <a:gd fmla="*/ 15 h 175" name="T97"/>
                <a:gd fmla="*/ 85 w 235" name="T98"/>
                <a:gd fmla="*/ 19 h 175" name="T99"/>
                <a:gd fmla="*/ 98 w 235" name="T100"/>
                <a:gd fmla="*/ 12 h 175" name="T101"/>
                <a:gd fmla="*/ 109 w 235" name="T102"/>
                <a:gd fmla="*/ 13 h 175" name="T103"/>
                <a:gd fmla="*/ 113 w 235" name="T104"/>
                <a:gd fmla="*/ 6 h 175" name="T105"/>
                <a:gd fmla="*/ 135 w 235" name="T106"/>
                <a:gd fmla="*/ 2 h 175" name="T107"/>
                <a:gd fmla="*/ 166 w 235" name="T108"/>
                <a:gd fmla="*/ 1 h 175" name="T109"/>
                <a:gd fmla="*/ 189 w 235" name="T110"/>
                <a:gd fmla="*/ 8 h 175" name="T111"/>
                <a:gd fmla="*/ 196 w 235" name="T112"/>
                <a:gd fmla="*/ 14 h 175" name="T113"/>
                <a:gd fmla="*/ 164 w 235" name="T114"/>
                <a:gd fmla="*/ 15 h 175" name="T115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b="b" l="0" r="r" t="0"/>
              <a:pathLst>
                <a:path h="175" w="235">
                  <a:moveTo>
                    <a:pt x="159" y="18"/>
                  </a:moveTo>
                  <a:cubicBezTo>
                    <a:pt x="159" y="19"/>
                    <a:pt x="161" y="19"/>
                    <a:pt x="161" y="20"/>
                  </a:cubicBezTo>
                  <a:cubicBezTo>
                    <a:pt x="162" y="21"/>
                    <a:pt x="163" y="19"/>
                    <a:pt x="164" y="19"/>
                  </a:cubicBezTo>
                  <a:cubicBezTo>
                    <a:pt x="165" y="19"/>
                    <a:pt x="165" y="20"/>
                    <a:pt x="167" y="20"/>
                  </a:cubicBezTo>
                  <a:cubicBezTo>
                    <a:pt x="167" y="20"/>
                    <a:pt x="168" y="19"/>
                    <a:pt x="168" y="19"/>
                  </a:cubicBezTo>
                  <a:cubicBezTo>
                    <a:pt x="169" y="19"/>
                    <a:pt x="170" y="19"/>
                    <a:pt x="171" y="19"/>
                  </a:cubicBezTo>
                  <a:cubicBezTo>
                    <a:pt x="175" y="18"/>
                    <a:pt x="179" y="17"/>
                    <a:pt x="182" y="18"/>
                  </a:cubicBezTo>
                  <a:cubicBezTo>
                    <a:pt x="181" y="20"/>
                    <a:pt x="177" y="19"/>
                    <a:pt x="176" y="21"/>
                  </a:cubicBezTo>
                  <a:cubicBezTo>
                    <a:pt x="176" y="23"/>
                    <a:pt x="178" y="21"/>
                    <a:pt x="178" y="21"/>
                  </a:cubicBezTo>
                  <a:cubicBezTo>
                    <a:pt x="180" y="21"/>
                    <a:pt x="180" y="22"/>
                    <a:pt x="183" y="21"/>
                  </a:cubicBezTo>
                  <a:cubicBezTo>
                    <a:pt x="183" y="20"/>
                    <a:pt x="184" y="20"/>
                    <a:pt x="185" y="20"/>
                  </a:cubicBezTo>
                  <a:cubicBezTo>
                    <a:pt x="185" y="20"/>
                    <a:pt x="189" y="18"/>
                    <a:pt x="189" y="18"/>
                  </a:cubicBezTo>
                  <a:cubicBezTo>
                    <a:pt x="191" y="20"/>
                    <a:pt x="188" y="17"/>
                    <a:pt x="190" y="17"/>
                  </a:cubicBezTo>
                  <a:cubicBezTo>
                    <a:pt x="191" y="17"/>
                    <a:pt x="193" y="17"/>
                    <a:pt x="193" y="17"/>
                  </a:cubicBezTo>
                  <a:cubicBezTo>
                    <a:pt x="194" y="16"/>
                    <a:pt x="195" y="15"/>
                    <a:pt x="198" y="16"/>
                  </a:cubicBezTo>
                  <a:cubicBezTo>
                    <a:pt x="198" y="17"/>
                    <a:pt x="198" y="19"/>
                    <a:pt x="197" y="19"/>
                  </a:cubicBezTo>
                  <a:cubicBezTo>
                    <a:pt x="197" y="20"/>
                    <a:pt x="196" y="20"/>
                    <a:pt x="195" y="21"/>
                  </a:cubicBezTo>
                  <a:cubicBezTo>
                    <a:pt x="194" y="22"/>
                    <a:pt x="194" y="24"/>
                    <a:pt x="191" y="24"/>
                  </a:cubicBezTo>
                  <a:cubicBezTo>
                    <a:pt x="192" y="26"/>
                    <a:pt x="193" y="23"/>
                    <a:pt x="195" y="24"/>
                  </a:cubicBezTo>
                  <a:cubicBezTo>
                    <a:pt x="196" y="24"/>
                    <a:pt x="196" y="22"/>
                    <a:pt x="196" y="22"/>
                  </a:cubicBezTo>
                  <a:cubicBezTo>
                    <a:pt x="197" y="21"/>
                    <a:pt x="201" y="22"/>
                    <a:pt x="201" y="20"/>
                  </a:cubicBezTo>
                  <a:cubicBezTo>
                    <a:pt x="203" y="23"/>
                    <a:pt x="209" y="18"/>
                    <a:pt x="210" y="21"/>
                  </a:cubicBezTo>
                  <a:cubicBezTo>
                    <a:pt x="211" y="20"/>
                    <a:pt x="212" y="19"/>
                    <a:pt x="213" y="18"/>
                  </a:cubicBezTo>
                  <a:cubicBezTo>
                    <a:pt x="216" y="19"/>
                    <a:pt x="218" y="17"/>
                    <a:pt x="221" y="17"/>
                  </a:cubicBezTo>
                  <a:cubicBezTo>
                    <a:pt x="221" y="17"/>
                    <a:pt x="222" y="18"/>
                    <a:pt x="222" y="18"/>
                  </a:cubicBezTo>
                  <a:cubicBezTo>
                    <a:pt x="223" y="18"/>
                    <a:pt x="226" y="17"/>
                    <a:pt x="227" y="18"/>
                  </a:cubicBezTo>
                  <a:cubicBezTo>
                    <a:pt x="228" y="19"/>
                    <a:pt x="227" y="18"/>
                    <a:pt x="229" y="18"/>
                  </a:cubicBezTo>
                  <a:cubicBezTo>
                    <a:pt x="230" y="18"/>
                    <a:pt x="232" y="20"/>
                    <a:pt x="234" y="20"/>
                  </a:cubicBezTo>
                  <a:cubicBezTo>
                    <a:pt x="235" y="22"/>
                    <a:pt x="233" y="21"/>
                    <a:pt x="232" y="22"/>
                  </a:cubicBezTo>
                  <a:cubicBezTo>
                    <a:pt x="232" y="22"/>
                    <a:pt x="231" y="23"/>
                    <a:pt x="231" y="24"/>
                  </a:cubicBezTo>
                  <a:cubicBezTo>
                    <a:pt x="228" y="25"/>
                    <a:pt x="224" y="24"/>
                    <a:pt x="224" y="27"/>
                  </a:cubicBezTo>
                  <a:cubicBezTo>
                    <a:pt x="221" y="27"/>
                    <a:pt x="218" y="27"/>
                    <a:pt x="217" y="28"/>
                  </a:cubicBezTo>
                  <a:cubicBezTo>
                    <a:pt x="218" y="30"/>
                    <a:pt x="220" y="30"/>
                    <a:pt x="216" y="30"/>
                  </a:cubicBezTo>
                  <a:cubicBezTo>
                    <a:pt x="216" y="31"/>
                    <a:pt x="218" y="31"/>
                    <a:pt x="219" y="31"/>
                  </a:cubicBezTo>
                  <a:cubicBezTo>
                    <a:pt x="218" y="34"/>
                    <a:pt x="213" y="33"/>
                    <a:pt x="212" y="37"/>
                  </a:cubicBezTo>
                  <a:cubicBezTo>
                    <a:pt x="211" y="37"/>
                    <a:pt x="213" y="35"/>
                    <a:pt x="212" y="35"/>
                  </a:cubicBezTo>
                  <a:cubicBezTo>
                    <a:pt x="212" y="35"/>
                    <a:pt x="209" y="36"/>
                    <a:pt x="208" y="37"/>
                  </a:cubicBezTo>
                  <a:cubicBezTo>
                    <a:pt x="208" y="38"/>
                    <a:pt x="209" y="38"/>
                    <a:pt x="210" y="38"/>
                  </a:cubicBezTo>
                  <a:cubicBezTo>
                    <a:pt x="207" y="40"/>
                    <a:pt x="209" y="39"/>
                    <a:pt x="208" y="43"/>
                  </a:cubicBezTo>
                  <a:cubicBezTo>
                    <a:pt x="207" y="44"/>
                    <a:pt x="204" y="44"/>
                    <a:pt x="204" y="45"/>
                  </a:cubicBezTo>
                  <a:cubicBezTo>
                    <a:pt x="203" y="45"/>
                    <a:pt x="204" y="47"/>
                    <a:pt x="204" y="47"/>
                  </a:cubicBezTo>
                  <a:cubicBezTo>
                    <a:pt x="203" y="48"/>
                    <a:pt x="201" y="48"/>
                    <a:pt x="200" y="48"/>
                  </a:cubicBezTo>
                  <a:cubicBezTo>
                    <a:pt x="200" y="50"/>
                    <a:pt x="202" y="50"/>
                    <a:pt x="202" y="51"/>
                  </a:cubicBezTo>
                  <a:cubicBezTo>
                    <a:pt x="202" y="53"/>
                    <a:pt x="205" y="52"/>
                    <a:pt x="206" y="53"/>
                  </a:cubicBezTo>
                  <a:cubicBezTo>
                    <a:pt x="206" y="53"/>
                    <a:pt x="205" y="55"/>
                    <a:pt x="206" y="55"/>
                  </a:cubicBezTo>
                  <a:cubicBezTo>
                    <a:pt x="206" y="56"/>
                    <a:pt x="208" y="55"/>
                    <a:pt x="209" y="56"/>
                  </a:cubicBezTo>
                  <a:cubicBezTo>
                    <a:pt x="208" y="58"/>
                    <a:pt x="210" y="58"/>
                    <a:pt x="210" y="60"/>
                  </a:cubicBezTo>
                  <a:cubicBezTo>
                    <a:pt x="207" y="61"/>
                    <a:pt x="204" y="60"/>
                    <a:pt x="200" y="62"/>
                  </a:cubicBezTo>
                  <a:cubicBezTo>
                    <a:pt x="202" y="64"/>
                    <a:pt x="204" y="67"/>
                    <a:pt x="210" y="67"/>
                  </a:cubicBezTo>
                  <a:cubicBezTo>
                    <a:pt x="209" y="68"/>
                    <a:pt x="210" y="68"/>
                    <a:pt x="211" y="68"/>
                  </a:cubicBezTo>
                  <a:cubicBezTo>
                    <a:pt x="212" y="71"/>
                    <a:pt x="210" y="70"/>
                    <a:pt x="210" y="71"/>
                  </a:cubicBezTo>
                  <a:cubicBezTo>
                    <a:pt x="209" y="73"/>
                    <a:pt x="208" y="73"/>
                    <a:pt x="207" y="73"/>
                  </a:cubicBezTo>
                  <a:cubicBezTo>
                    <a:pt x="206" y="77"/>
                    <a:pt x="210" y="75"/>
                    <a:pt x="210" y="78"/>
                  </a:cubicBezTo>
                  <a:cubicBezTo>
                    <a:pt x="208" y="78"/>
                    <a:pt x="208" y="79"/>
                    <a:pt x="209" y="79"/>
                  </a:cubicBezTo>
                  <a:cubicBezTo>
                    <a:pt x="208" y="82"/>
                    <a:pt x="206" y="78"/>
                    <a:pt x="204" y="79"/>
                  </a:cubicBezTo>
                  <a:cubicBezTo>
                    <a:pt x="202" y="79"/>
                    <a:pt x="203" y="82"/>
                    <a:pt x="201" y="82"/>
                  </a:cubicBezTo>
                  <a:cubicBezTo>
                    <a:pt x="201" y="83"/>
                    <a:pt x="202" y="84"/>
                    <a:pt x="203" y="85"/>
                  </a:cubicBezTo>
                  <a:cubicBezTo>
                    <a:pt x="203" y="86"/>
                    <a:pt x="200" y="85"/>
                    <a:pt x="199" y="86"/>
                  </a:cubicBezTo>
                  <a:cubicBezTo>
                    <a:pt x="196" y="86"/>
                    <a:pt x="194" y="88"/>
                    <a:pt x="191" y="88"/>
                  </a:cubicBezTo>
                  <a:cubicBezTo>
                    <a:pt x="191" y="90"/>
                    <a:pt x="193" y="89"/>
                    <a:pt x="194" y="89"/>
                  </a:cubicBezTo>
                  <a:cubicBezTo>
                    <a:pt x="195" y="90"/>
                    <a:pt x="196" y="93"/>
                    <a:pt x="198" y="92"/>
                  </a:cubicBezTo>
                  <a:cubicBezTo>
                    <a:pt x="199" y="94"/>
                    <a:pt x="196" y="94"/>
                    <a:pt x="196" y="95"/>
                  </a:cubicBezTo>
                  <a:cubicBezTo>
                    <a:pt x="196" y="97"/>
                    <a:pt x="197" y="99"/>
                    <a:pt x="195" y="100"/>
                  </a:cubicBezTo>
                  <a:cubicBezTo>
                    <a:pt x="197" y="104"/>
                    <a:pt x="203" y="102"/>
                    <a:pt x="204" y="107"/>
                  </a:cubicBezTo>
                  <a:cubicBezTo>
                    <a:pt x="202" y="107"/>
                    <a:pt x="200" y="107"/>
                    <a:pt x="200" y="106"/>
                  </a:cubicBezTo>
                  <a:cubicBezTo>
                    <a:pt x="199" y="106"/>
                    <a:pt x="199" y="107"/>
                    <a:pt x="200" y="107"/>
                  </a:cubicBezTo>
                  <a:cubicBezTo>
                    <a:pt x="197" y="109"/>
                    <a:pt x="196" y="109"/>
                    <a:pt x="191" y="109"/>
                  </a:cubicBezTo>
                  <a:cubicBezTo>
                    <a:pt x="193" y="105"/>
                    <a:pt x="187" y="108"/>
                    <a:pt x="189" y="105"/>
                  </a:cubicBezTo>
                  <a:cubicBezTo>
                    <a:pt x="186" y="104"/>
                    <a:pt x="186" y="106"/>
                    <a:pt x="183" y="106"/>
                  </a:cubicBezTo>
                  <a:cubicBezTo>
                    <a:pt x="184" y="107"/>
                    <a:pt x="184" y="108"/>
                    <a:pt x="182" y="108"/>
                  </a:cubicBezTo>
                  <a:cubicBezTo>
                    <a:pt x="182" y="109"/>
                    <a:pt x="188" y="109"/>
                    <a:pt x="183" y="109"/>
                  </a:cubicBezTo>
                  <a:cubicBezTo>
                    <a:pt x="184" y="111"/>
                    <a:pt x="186" y="110"/>
                    <a:pt x="188" y="110"/>
                  </a:cubicBezTo>
                  <a:cubicBezTo>
                    <a:pt x="190" y="111"/>
                    <a:pt x="193" y="112"/>
                    <a:pt x="195" y="111"/>
                  </a:cubicBezTo>
                  <a:cubicBezTo>
                    <a:pt x="193" y="114"/>
                    <a:pt x="191" y="117"/>
                    <a:pt x="189" y="119"/>
                  </a:cubicBezTo>
                  <a:cubicBezTo>
                    <a:pt x="186" y="119"/>
                    <a:pt x="185" y="119"/>
                    <a:pt x="183" y="120"/>
                  </a:cubicBezTo>
                  <a:cubicBezTo>
                    <a:pt x="182" y="120"/>
                    <a:pt x="181" y="120"/>
                    <a:pt x="181" y="120"/>
                  </a:cubicBezTo>
                  <a:cubicBezTo>
                    <a:pt x="180" y="121"/>
                    <a:pt x="180" y="120"/>
                    <a:pt x="179" y="120"/>
                  </a:cubicBezTo>
                  <a:cubicBezTo>
                    <a:pt x="176" y="120"/>
                    <a:pt x="174" y="122"/>
                    <a:pt x="170" y="122"/>
                  </a:cubicBezTo>
                  <a:cubicBezTo>
                    <a:pt x="169" y="122"/>
                    <a:pt x="170" y="123"/>
                    <a:pt x="170" y="123"/>
                  </a:cubicBezTo>
                  <a:cubicBezTo>
                    <a:pt x="169" y="125"/>
                    <a:pt x="169" y="123"/>
                    <a:pt x="166" y="124"/>
                  </a:cubicBezTo>
                  <a:cubicBezTo>
                    <a:pt x="166" y="125"/>
                    <a:pt x="167" y="125"/>
                    <a:pt x="168" y="125"/>
                  </a:cubicBezTo>
                  <a:cubicBezTo>
                    <a:pt x="168" y="126"/>
                    <a:pt x="160" y="127"/>
                    <a:pt x="162" y="124"/>
                  </a:cubicBezTo>
                  <a:cubicBezTo>
                    <a:pt x="161" y="124"/>
                    <a:pt x="158" y="124"/>
                    <a:pt x="158" y="125"/>
                  </a:cubicBezTo>
                  <a:cubicBezTo>
                    <a:pt x="157" y="126"/>
                    <a:pt x="159" y="128"/>
                    <a:pt x="158" y="129"/>
                  </a:cubicBezTo>
                  <a:cubicBezTo>
                    <a:pt x="158" y="128"/>
                    <a:pt x="155" y="127"/>
                    <a:pt x="155" y="129"/>
                  </a:cubicBezTo>
                  <a:cubicBezTo>
                    <a:pt x="155" y="129"/>
                    <a:pt x="157" y="130"/>
                    <a:pt x="156" y="131"/>
                  </a:cubicBezTo>
                  <a:cubicBezTo>
                    <a:pt x="155" y="133"/>
                    <a:pt x="155" y="132"/>
                    <a:pt x="153" y="131"/>
                  </a:cubicBezTo>
                  <a:cubicBezTo>
                    <a:pt x="153" y="134"/>
                    <a:pt x="153" y="134"/>
                    <a:pt x="153" y="134"/>
                  </a:cubicBezTo>
                  <a:cubicBezTo>
                    <a:pt x="153" y="134"/>
                    <a:pt x="152" y="134"/>
                    <a:pt x="151" y="134"/>
                  </a:cubicBezTo>
                  <a:cubicBezTo>
                    <a:pt x="150" y="135"/>
                    <a:pt x="151" y="136"/>
                    <a:pt x="150" y="136"/>
                  </a:cubicBezTo>
                  <a:cubicBezTo>
                    <a:pt x="149" y="137"/>
                    <a:pt x="145" y="136"/>
                    <a:pt x="146" y="139"/>
                  </a:cubicBezTo>
                  <a:cubicBezTo>
                    <a:pt x="142" y="140"/>
                    <a:pt x="137" y="140"/>
                    <a:pt x="132" y="140"/>
                  </a:cubicBezTo>
                  <a:cubicBezTo>
                    <a:pt x="130" y="141"/>
                    <a:pt x="129" y="146"/>
                    <a:pt x="126" y="144"/>
                  </a:cubicBezTo>
                  <a:cubicBezTo>
                    <a:pt x="127" y="145"/>
                    <a:pt x="128" y="145"/>
                    <a:pt x="127" y="147"/>
                  </a:cubicBezTo>
                  <a:cubicBezTo>
                    <a:pt x="127" y="147"/>
                    <a:pt x="126" y="147"/>
                    <a:pt x="126" y="147"/>
                  </a:cubicBezTo>
                  <a:cubicBezTo>
                    <a:pt x="125" y="147"/>
                    <a:pt x="127" y="148"/>
                    <a:pt x="126" y="149"/>
                  </a:cubicBezTo>
                  <a:cubicBezTo>
                    <a:pt x="127" y="149"/>
                    <a:pt x="126" y="149"/>
                    <a:pt x="126" y="150"/>
                  </a:cubicBezTo>
                  <a:cubicBezTo>
                    <a:pt x="125" y="151"/>
                    <a:pt x="123" y="153"/>
                    <a:pt x="125" y="153"/>
                  </a:cubicBezTo>
                  <a:cubicBezTo>
                    <a:pt x="125" y="155"/>
                    <a:pt x="123" y="154"/>
                    <a:pt x="123" y="154"/>
                  </a:cubicBezTo>
                  <a:cubicBezTo>
                    <a:pt x="122" y="155"/>
                    <a:pt x="121" y="156"/>
                    <a:pt x="121" y="156"/>
                  </a:cubicBezTo>
                  <a:cubicBezTo>
                    <a:pt x="121" y="157"/>
                    <a:pt x="121" y="158"/>
                    <a:pt x="121" y="158"/>
                  </a:cubicBezTo>
                  <a:cubicBezTo>
                    <a:pt x="119" y="159"/>
                    <a:pt x="121" y="160"/>
                    <a:pt x="120" y="162"/>
                  </a:cubicBezTo>
                  <a:cubicBezTo>
                    <a:pt x="120" y="162"/>
                    <a:pt x="118" y="162"/>
                    <a:pt x="118" y="162"/>
                  </a:cubicBezTo>
                  <a:cubicBezTo>
                    <a:pt x="118" y="162"/>
                    <a:pt x="119" y="163"/>
                    <a:pt x="119" y="164"/>
                  </a:cubicBezTo>
                  <a:cubicBezTo>
                    <a:pt x="119" y="165"/>
                    <a:pt x="118" y="166"/>
                    <a:pt x="118" y="167"/>
                  </a:cubicBezTo>
                  <a:cubicBezTo>
                    <a:pt x="118" y="167"/>
                    <a:pt x="119" y="169"/>
                    <a:pt x="119" y="169"/>
                  </a:cubicBezTo>
                  <a:cubicBezTo>
                    <a:pt x="118" y="172"/>
                    <a:pt x="116" y="173"/>
                    <a:pt x="113" y="175"/>
                  </a:cubicBezTo>
                  <a:cubicBezTo>
                    <a:pt x="110" y="175"/>
                    <a:pt x="108" y="173"/>
                    <a:pt x="106" y="172"/>
                  </a:cubicBezTo>
                  <a:cubicBezTo>
                    <a:pt x="104" y="175"/>
                    <a:pt x="98" y="169"/>
                    <a:pt x="99" y="170"/>
                  </a:cubicBezTo>
                  <a:cubicBezTo>
                    <a:pt x="98" y="169"/>
                    <a:pt x="98" y="171"/>
                    <a:pt x="98" y="172"/>
                  </a:cubicBezTo>
                  <a:cubicBezTo>
                    <a:pt x="97" y="171"/>
                    <a:pt x="97" y="170"/>
                    <a:pt x="96" y="169"/>
                  </a:cubicBezTo>
                  <a:cubicBezTo>
                    <a:pt x="95" y="168"/>
                    <a:pt x="93" y="168"/>
                    <a:pt x="93" y="165"/>
                  </a:cubicBezTo>
                  <a:cubicBezTo>
                    <a:pt x="92" y="164"/>
                    <a:pt x="91" y="163"/>
                    <a:pt x="89" y="162"/>
                  </a:cubicBezTo>
                  <a:cubicBezTo>
                    <a:pt x="89" y="161"/>
                    <a:pt x="90" y="161"/>
                    <a:pt x="91" y="161"/>
                  </a:cubicBezTo>
                  <a:cubicBezTo>
                    <a:pt x="91" y="159"/>
                    <a:pt x="89" y="160"/>
                    <a:pt x="87" y="158"/>
                  </a:cubicBezTo>
                  <a:cubicBezTo>
                    <a:pt x="87" y="157"/>
                    <a:pt x="87" y="156"/>
                    <a:pt x="85" y="155"/>
                  </a:cubicBezTo>
                  <a:cubicBezTo>
                    <a:pt x="84" y="157"/>
                    <a:pt x="85" y="154"/>
                    <a:pt x="85" y="154"/>
                  </a:cubicBezTo>
                  <a:cubicBezTo>
                    <a:pt x="85" y="153"/>
                    <a:pt x="84" y="154"/>
                    <a:pt x="84" y="153"/>
                  </a:cubicBezTo>
                  <a:cubicBezTo>
                    <a:pt x="83" y="152"/>
                    <a:pt x="84" y="151"/>
                    <a:pt x="83" y="151"/>
                  </a:cubicBezTo>
                  <a:cubicBezTo>
                    <a:pt x="81" y="150"/>
                    <a:pt x="82" y="146"/>
                    <a:pt x="81" y="149"/>
                  </a:cubicBezTo>
                  <a:cubicBezTo>
                    <a:pt x="80" y="148"/>
                    <a:pt x="80" y="146"/>
                    <a:pt x="78" y="147"/>
                  </a:cubicBezTo>
                  <a:cubicBezTo>
                    <a:pt x="78" y="145"/>
                    <a:pt x="79" y="145"/>
                    <a:pt x="80" y="144"/>
                  </a:cubicBezTo>
                  <a:cubicBezTo>
                    <a:pt x="79" y="143"/>
                    <a:pt x="77" y="143"/>
                    <a:pt x="76" y="143"/>
                  </a:cubicBezTo>
                  <a:cubicBezTo>
                    <a:pt x="75" y="139"/>
                    <a:pt x="75" y="138"/>
                    <a:pt x="77" y="134"/>
                  </a:cubicBezTo>
                  <a:cubicBezTo>
                    <a:pt x="75" y="133"/>
                    <a:pt x="79" y="131"/>
                    <a:pt x="75" y="131"/>
                  </a:cubicBezTo>
                  <a:cubicBezTo>
                    <a:pt x="75" y="130"/>
                    <a:pt x="76" y="131"/>
                    <a:pt x="77" y="130"/>
                  </a:cubicBezTo>
                  <a:cubicBezTo>
                    <a:pt x="77" y="130"/>
                    <a:pt x="77" y="129"/>
                    <a:pt x="77" y="129"/>
                  </a:cubicBezTo>
                  <a:cubicBezTo>
                    <a:pt x="77" y="128"/>
                    <a:pt x="78" y="130"/>
                    <a:pt x="79" y="130"/>
                  </a:cubicBezTo>
                  <a:cubicBezTo>
                    <a:pt x="79" y="124"/>
                    <a:pt x="79" y="124"/>
                    <a:pt x="79" y="124"/>
                  </a:cubicBezTo>
                  <a:cubicBezTo>
                    <a:pt x="80" y="124"/>
                    <a:pt x="81" y="123"/>
                    <a:pt x="82" y="122"/>
                  </a:cubicBezTo>
                  <a:cubicBezTo>
                    <a:pt x="83" y="122"/>
                    <a:pt x="82" y="123"/>
                    <a:pt x="83" y="124"/>
                  </a:cubicBezTo>
                  <a:cubicBezTo>
                    <a:pt x="84" y="123"/>
                    <a:pt x="84" y="122"/>
                    <a:pt x="85" y="122"/>
                  </a:cubicBezTo>
                  <a:cubicBezTo>
                    <a:pt x="86" y="121"/>
                    <a:pt x="84" y="120"/>
                    <a:pt x="84" y="120"/>
                  </a:cubicBezTo>
                  <a:cubicBezTo>
                    <a:pt x="85" y="119"/>
                    <a:pt x="87" y="119"/>
                    <a:pt x="87" y="118"/>
                  </a:cubicBezTo>
                  <a:cubicBezTo>
                    <a:pt x="88" y="116"/>
                    <a:pt x="84" y="116"/>
                    <a:pt x="86" y="113"/>
                  </a:cubicBezTo>
                  <a:cubicBezTo>
                    <a:pt x="82" y="116"/>
                    <a:pt x="88" y="111"/>
                    <a:pt x="82" y="112"/>
                  </a:cubicBezTo>
                  <a:cubicBezTo>
                    <a:pt x="81" y="109"/>
                    <a:pt x="84" y="109"/>
                    <a:pt x="87" y="109"/>
                  </a:cubicBezTo>
                  <a:cubicBezTo>
                    <a:pt x="87" y="108"/>
                    <a:pt x="85" y="109"/>
                    <a:pt x="85" y="108"/>
                  </a:cubicBezTo>
                  <a:cubicBezTo>
                    <a:pt x="86" y="106"/>
                    <a:pt x="84" y="107"/>
                    <a:pt x="84" y="107"/>
                  </a:cubicBezTo>
                  <a:cubicBezTo>
                    <a:pt x="83" y="106"/>
                    <a:pt x="84" y="105"/>
                    <a:pt x="84" y="105"/>
                  </a:cubicBezTo>
                  <a:cubicBezTo>
                    <a:pt x="83" y="104"/>
                    <a:pt x="81" y="103"/>
                    <a:pt x="81" y="103"/>
                  </a:cubicBezTo>
                  <a:cubicBezTo>
                    <a:pt x="80" y="103"/>
                    <a:pt x="79" y="100"/>
                    <a:pt x="78" y="99"/>
                  </a:cubicBezTo>
                  <a:cubicBezTo>
                    <a:pt x="77" y="100"/>
                    <a:pt x="76" y="102"/>
                    <a:pt x="75" y="99"/>
                  </a:cubicBezTo>
                  <a:cubicBezTo>
                    <a:pt x="74" y="99"/>
                    <a:pt x="74" y="101"/>
                    <a:pt x="74" y="102"/>
                  </a:cubicBezTo>
                  <a:cubicBezTo>
                    <a:pt x="69" y="102"/>
                    <a:pt x="69" y="102"/>
                    <a:pt x="69" y="102"/>
                  </a:cubicBezTo>
                  <a:cubicBezTo>
                    <a:pt x="66" y="98"/>
                    <a:pt x="68" y="95"/>
                    <a:pt x="69" y="90"/>
                  </a:cubicBezTo>
                  <a:cubicBezTo>
                    <a:pt x="69" y="90"/>
                    <a:pt x="68" y="89"/>
                    <a:pt x="68" y="88"/>
                  </a:cubicBezTo>
                  <a:cubicBezTo>
                    <a:pt x="67" y="88"/>
                    <a:pt x="68" y="89"/>
                    <a:pt x="67" y="89"/>
                  </a:cubicBezTo>
                  <a:cubicBezTo>
                    <a:pt x="65" y="90"/>
                    <a:pt x="68" y="84"/>
                    <a:pt x="64" y="86"/>
                  </a:cubicBezTo>
                  <a:cubicBezTo>
                    <a:pt x="66" y="84"/>
                    <a:pt x="66" y="83"/>
                    <a:pt x="64" y="82"/>
                  </a:cubicBezTo>
                  <a:cubicBezTo>
                    <a:pt x="64" y="81"/>
                    <a:pt x="63" y="81"/>
                    <a:pt x="62" y="81"/>
                  </a:cubicBezTo>
                  <a:cubicBezTo>
                    <a:pt x="61" y="79"/>
                    <a:pt x="61" y="77"/>
                    <a:pt x="61" y="76"/>
                  </a:cubicBezTo>
                  <a:cubicBezTo>
                    <a:pt x="60" y="75"/>
                    <a:pt x="57" y="75"/>
                    <a:pt x="59" y="72"/>
                  </a:cubicBezTo>
                  <a:cubicBezTo>
                    <a:pt x="57" y="73"/>
                    <a:pt x="56" y="72"/>
                    <a:pt x="56" y="71"/>
                  </a:cubicBezTo>
                  <a:cubicBezTo>
                    <a:pt x="56" y="71"/>
                    <a:pt x="54" y="72"/>
                    <a:pt x="54" y="71"/>
                  </a:cubicBezTo>
                  <a:cubicBezTo>
                    <a:pt x="53" y="70"/>
                    <a:pt x="45" y="71"/>
                    <a:pt x="43" y="67"/>
                  </a:cubicBezTo>
                  <a:cubicBezTo>
                    <a:pt x="40" y="69"/>
                    <a:pt x="32" y="65"/>
                    <a:pt x="30" y="67"/>
                  </a:cubicBezTo>
                  <a:cubicBezTo>
                    <a:pt x="29" y="69"/>
                    <a:pt x="29" y="67"/>
                    <a:pt x="27" y="67"/>
                  </a:cubicBezTo>
                  <a:cubicBezTo>
                    <a:pt x="25" y="68"/>
                    <a:pt x="23" y="69"/>
                    <a:pt x="21" y="69"/>
                  </a:cubicBezTo>
                  <a:cubicBezTo>
                    <a:pt x="21" y="69"/>
                    <a:pt x="20" y="68"/>
                    <a:pt x="20" y="68"/>
                  </a:cubicBezTo>
                  <a:cubicBezTo>
                    <a:pt x="19" y="68"/>
                    <a:pt x="18" y="68"/>
                    <a:pt x="17" y="68"/>
                  </a:cubicBezTo>
                  <a:cubicBezTo>
                    <a:pt x="17" y="67"/>
                    <a:pt x="16" y="66"/>
                    <a:pt x="15" y="66"/>
                  </a:cubicBezTo>
                  <a:cubicBezTo>
                    <a:pt x="15" y="64"/>
                    <a:pt x="17" y="65"/>
                    <a:pt x="18" y="65"/>
                  </a:cubicBezTo>
                  <a:cubicBezTo>
                    <a:pt x="18" y="64"/>
                    <a:pt x="15" y="62"/>
                    <a:pt x="20" y="63"/>
                  </a:cubicBezTo>
                  <a:cubicBezTo>
                    <a:pt x="18" y="60"/>
                    <a:pt x="11" y="63"/>
                    <a:pt x="9" y="61"/>
                  </a:cubicBezTo>
                  <a:cubicBezTo>
                    <a:pt x="11" y="56"/>
                    <a:pt x="17" y="61"/>
                    <a:pt x="21" y="57"/>
                  </a:cubicBezTo>
                  <a:cubicBezTo>
                    <a:pt x="19" y="55"/>
                    <a:pt x="12" y="56"/>
                    <a:pt x="10" y="57"/>
                  </a:cubicBezTo>
                  <a:cubicBezTo>
                    <a:pt x="9" y="56"/>
                    <a:pt x="10" y="55"/>
                    <a:pt x="10" y="54"/>
                  </a:cubicBezTo>
                  <a:cubicBezTo>
                    <a:pt x="9" y="54"/>
                    <a:pt x="9" y="55"/>
                    <a:pt x="9" y="55"/>
                  </a:cubicBezTo>
                  <a:cubicBezTo>
                    <a:pt x="8" y="55"/>
                    <a:pt x="8" y="54"/>
                    <a:pt x="8" y="53"/>
                  </a:cubicBezTo>
                  <a:cubicBezTo>
                    <a:pt x="4" y="54"/>
                    <a:pt x="3" y="52"/>
                    <a:pt x="0" y="51"/>
                  </a:cubicBezTo>
                  <a:cubicBezTo>
                    <a:pt x="2" y="45"/>
                    <a:pt x="10" y="47"/>
                    <a:pt x="15" y="46"/>
                  </a:cubicBezTo>
                  <a:cubicBezTo>
                    <a:pt x="16" y="45"/>
                    <a:pt x="16" y="45"/>
                    <a:pt x="17" y="45"/>
                  </a:cubicBezTo>
                  <a:cubicBezTo>
                    <a:pt x="17" y="45"/>
                    <a:pt x="18" y="44"/>
                    <a:pt x="18" y="44"/>
                  </a:cubicBezTo>
                  <a:cubicBezTo>
                    <a:pt x="20" y="43"/>
                    <a:pt x="24" y="43"/>
                    <a:pt x="25" y="43"/>
                  </a:cubicBezTo>
                  <a:cubicBezTo>
                    <a:pt x="26" y="42"/>
                    <a:pt x="26" y="41"/>
                    <a:pt x="26" y="41"/>
                  </a:cubicBezTo>
                  <a:cubicBezTo>
                    <a:pt x="27" y="40"/>
                    <a:pt x="28" y="40"/>
                    <a:pt x="29" y="40"/>
                  </a:cubicBezTo>
                  <a:cubicBezTo>
                    <a:pt x="30" y="39"/>
                    <a:pt x="31" y="38"/>
                    <a:pt x="32" y="37"/>
                  </a:cubicBezTo>
                  <a:cubicBezTo>
                    <a:pt x="33" y="34"/>
                    <a:pt x="29" y="36"/>
                    <a:pt x="30" y="33"/>
                  </a:cubicBezTo>
                  <a:cubicBezTo>
                    <a:pt x="28" y="32"/>
                    <a:pt x="29" y="35"/>
                    <a:pt x="28" y="35"/>
                  </a:cubicBezTo>
                  <a:cubicBezTo>
                    <a:pt x="28" y="35"/>
                    <a:pt x="23" y="33"/>
                    <a:pt x="21" y="34"/>
                  </a:cubicBezTo>
                  <a:cubicBezTo>
                    <a:pt x="19" y="32"/>
                    <a:pt x="23" y="33"/>
                    <a:pt x="23" y="32"/>
                  </a:cubicBezTo>
                  <a:cubicBezTo>
                    <a:pt x="24" y="32"/>
                    <a:pt x="23" y="31"/>
                    <a:pt x="23" y="31"/>
                  </a:cubicBezTo>
                  <a:cubicBezTo>
                    <a:pt x="24" y="31"/>
                    <a:pt x="25" y="32"/>
                    <a:pt x="25" y="31"/>
                  </a:cubicBezTo>
                  <a:cubicBezTo>
                    <a:pt x="25" y="31"/>
                    <a:pt x="26" y="29"/>
                    <a:pt x="26" y="29"/>
                  </a:cubicBezTo>
                  <a:cubicBezTo>
                    <a:pt x="27" y="29"/>
                    <a:pt x="27" y="30"/>
                    <a:pt x="27" y="30"/>
                  </a:cubicBezTo>
                  <a:cubicBezTo>
                    <a:pt x="28" y="30"/>
                    <a:pt x="31" y="30"/>
                    <a:pt x="30" y="27"/>
                  </a:cubicBezTo>
                  <a:cubicBezTo>
                    <a:pt x="32" y="27"/>
                    <a:pt x="32" y="29"/>
                    <a:pt x="34" y="28"/>
                  </a:cubicBezTo>
                  <a:cubicBezTo>
                    <a:pt x="35" y="28"/>
                    <a:pt x="34" y="27"/>
                    <a:pt x="34" y="27"/>
                  </a:cubicBezTo>
                  <a:cubicBezTo>
                    <a:pt x="34" y="26"/>
                    <a:pt x="36" y="26"/>
                    <a:pt x="36" y="25"/>
                  </a:cubicBezTo>
                  <a:cubicBezTo>
                    <a:pt x="42" y="25"/>
                    <a:pt x="42" y="25"/>
                    <a:pt x="42" y="25"/>
                  </a:cubicBezTo>
                  <a:cubicBezTo>
                    <a:pt x="45" y="24"/>
                    <a:pt x="43" y="20"/>
                    <a:pt x="43" y="19"/>
                  </a:cubicBezTo>
                  <a:cubicBezTo>
                    <a:pt x="47" y="19"/>
                    <a:pt x="50" y="20"/>
                    <a:pt x="53" y="19"/>
                  </a:cubicBezTo>
                  <a:cubicBezTo>
                    <a:pt x="53" y="18"/>
                    <a:pt x="52" y="18"/>
                    <a:pt x="51" y="18"/>
                  </a:cubicBezTo>
                  <a:cubicBezTo>
                    <a:pt x="52" y="16"/>
                    <a:pt x="55" y="17"/>
                    <a:pt x="57" y="16"/>
                  </a:cubicBezTo>
                  <a:cubicBezTo>
                    <a:pt x="59" y="14"/>
                    <a:pt x="66" y="16"/>
                    <a:pt x="72" y="15"/>
                  </a:cubicBezTo>
                  <a:cubicBezTo>
                    <a:pt x="74" y="15"/>
                    <a:pt x="74" y="14"/>
                    <a:pt x="75" y="14"/>
                  </a:cubicBezTo>
                  <a:cubicBezTo>
                    <a:pt x="78" y="14"/>
                    <a:pt x="80" y="15"/>
                    <a:pt x="82" y="14"/>
                  </a:cubicBezTo>
                  <a:cubicBezTo>
                    <a:pt x="81" y="15"/>
                    <a:pt x="82" y="17"/>
                    <a:pt x="83" y="17"/>
                  </a:cubicBezTo>
                  <a:cubicBezTo>
                    <a:pt x="84" y="15"/>
                    <a:pt x="83" y="16"/>
                    <a:pt x="85" y="19"/>
                  </a:cubicBezTo>
                  <a:cubicBezTo>
                    <a:pt x="87" y="18"/>
                    <a:pt x="84" y="16"/>
                    <a:pt x="88" y="17"/>
                  </a:cubicBezTo>
                  <a:cubicBezTo>
                    <a:pt x="87" y="15"/>
                    <a:pt x="90" y="13"/>
                    <a:pt x="85" y="13"/>
                  </a:cubicBezTo>
                  <a:cubicBezTo>
                    <a:pt x="86" y="11"/>
                    <a:pt x="93" y="8"/>
                    <a:pt x="93" y="12"/>
                  </a:cubicBezTo>
                  <a:cubicBezTo>
                    <a:pt x="96" y="13"/>
                    <a:pt x="96" y="11"/>
                    <a:pt x="98" y="12"/>
                  </a:cubicBezTo>
                  <a:cubicBezTo>
                    <a:pt x="99" y="13"/>
                    <a:pt x="100" y="13"/>
                    <a:pt x="101" y="14"/>
                  </a:cubicBezTo>
                  <a:cubicBezTo>
                    <a:pt x="102" y="15"/>
                    <a:pt x="105" y="15"/>
                    <a:pt x="108" y="16"/>
                  </a:cubicBezTo>
                  <a:cubicBezTo>
                    <a:pt x="108" y="15"/>
                    <a:pt x="107" y="15"/>
                    <a:pt x="106" y="15"/>
                  </a:cubicBezTo>
                  <a:cubicBezTo>
                    <a:pt x="107" y="14"/>
                    <a:pt x="108" y="13"/>
                    <a:pt x="109" y="13"/>
                  </a:cubicBezTo>
                  <a:cubicBezTo>
                    <a:pt x="108" y="11"/>
                    <a:pt x="104" y="11"/>
                    <a:pt x="101" y="10"/>
                  </a:cubicBezTo>
                  <a:cubicBezTo>
                    <a:pt x="101" y="7"/>
                    <a:pt x="105" y="8"/>
                    <a:pt x="107" y="8"/>
                  </a:cubicBezTo>
                  <a:cubicBezTo>
                    <a:pt x="108" y="6"/>
                    <a:pt x="106" y="7"/>
                    <a:pt x="105" y="6"/>
                  </a:cubicBezTo>
                  <a:cubicBezTo>
                    <a:pt x="107" y="2"/>
                    <a:pt x="110" y="6"/>
                    <a:pt x="113" y="6"/>
                  </a:cubicBezTo>
                  <a:cubicBezTo>
                    <a:pt x="115" y="7"/>
                    <a:pt x="115" y="5"/>
                    <a:pt x="117" y="5"/>
                  </a:cubicBezTo>
                  <a:cubicBezTo>
                    <a:pt x="122" y="6"/>
                    <a:pt x="125" y="8"/>
                    <a:pt x="128" y="5"/>
                  </a:cubicBezTo>
                  <a:cubicBezTo>
                    <a:pt x="130" y="5"/>
                    <a:pt x="132" y="5"/>
                    <a:pt x="134" y="4"/>
                  </a:cubicBezTo>
                  <a:cubicBezTo>
                    <a:pt x="135" y="4"/>
                    <a:pt x="135" y="3"/>
                    <a:pt x="135" y="2"/>
                  </a:cubicBezTo>
                  <a:cubicBezTo>
                    <a:pt x="137" y="1"/>
                    <a:pt x="138" y="2"/>
                    <a:pt x="140" y="2"/>
                  </a:cubicBezTo>
                  <a:cubicBezTo>
                    <a:pt x="141" y="1"/>
                    <a:pt x="142" y="1"/>
                    <a:pt x="143" y="1"/>
                  </a:cubicBezTo>
                  <a:cubicBezTo>
                    <a:pt x="145" y="1"/>
                    <a:pt x="147" y="2"/>
                    <a:pt x="151" y="2"/>
                  </a:cubicBezTo>
                  <a:cubicBezTo>
                    <a:pt x="154" y="1"/>
                    <a:pt x="160" y="0"/>
                    <a:pt x="166" y="1"/>
                  </a:cubicBezTo>
                  <a:cubicBezTo>
                    <a:pt x="167" y="1"/>
                    <a:pt x="167" y="1"/>
                    <a:pt x="168" y="2"/>
                  </a:cubicBezTo>
                  <a:cubicBezTo>
                    <a:pt x="174" y="3"/>
                    <a:pt x="179" y="1"/>
                    <a:pt x="179" y="5"/>
                  </a:cubicBezTo>
                  <a:cubicBezTo>
                    <a:pt x="182" y="6"/>
                    <a:pt x="181" y="4"/>
                    <a:pt x="184" y="4"/>
                  </a:cubicBezTo>
                  <a:cubicBezTo>
                    <a:pt x="184" y="8"/>
                    <a:pt x="187" y="7"/>
                    <a:pt x="189" y="8"/>
                  </a:cubicBezTo>
                  <a:cubicBezTo>
                    <a:pt x="191" y="9"/>
                    <a:pt x="191" y="7"/>
                    <a:pt x="193" y="7"/>
                  </a:cubicBezTo>
                  <a:cubicBezTo>
                    <a:pt x="192" y="11"/>
                    <a:pt x="197" y="9"/>
                    <a:pt x="199" y="9"/>
                  </a:cubicBezTo>
                  <a:cubicBezTo>
                    <a:pt x="197" y="11"/>
                    <a:pt x="197" y="10"/>
                    <a:pt x="198" y="13"/>
                  </a:cubicBezTo>
                  <a:cubicBezTo>
                    <a:pt x="197" y="12"/>
                    <a:pt x="196" y="12"/>
                    <a:pt x="196" y="14"/>
                  </a:cubicBezTo>
                  <a:cubicBezTo>
                    <a:pt x="186" y="15"/>
                    <a:pt x="174" y="15"/>
                    <a:pt x="167" y="16"/>
                  </a:cubicBezTo>
                  <a:cubicBezTo>
                    <a:pt x="166" y="16"/>
                    <a:pt x="166" y="16"/>
                    <a:pt x="166" y="17"/>
                  </a:cubicBezTo>
                  <a:cubicBezTo>
                    <a:pt x="165" y="17"/>
                    <a:pt x="165" y="16"/>
                    <a:pt x="166" y="16"/>
                  </a:cubicBezTo>
                  <a:cubicBezTo>
                    <a:pt x="166" y="15"/>
                    <a:pt x="164" y="15"/>
                    <a:pt x="164" y="15"/>
                  </a:cubicBezTo>
                  <a:cubicBezTo>
                    <a:pt x="164" y="15"/>
                    <a:pt x="164" y="17"/>
                    <a:pt x="164" y="17"/>
                  </a:cubicBezTo>
                  <a:cubicBezTo>
                    <a:pt x="162" y="18"/>
                    <a:pt x="160" y="16"/>
                    <a:pt x="159" y="18"/>
                  </a:cubicBezTo>
                </a:path>
              </a:pathLst>
            </a:custGeom>
            <a:solidFill>
              <a:srgbClr val="F98377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" name="Freeform 8"/>
            <p:cNvSpPr/>
            <p:nvPr/>
          </p:nvSpPr>
          <p:spPr bwMode="auto">
            <a:xfrm>
              <a:off x="2819401" y="1360488"/>
              <a:ext cx="509588" cy="276225"/>
            </a:xfrm>
            <a:custGeom>
              <a:gdLst>
                <a:gd fmla="*/ 108 w 116" name="T0"/>
                <a:gd fmla="*/ 6 h 63" name="T1"/>
                <a:gd fmla="*/ 114 w 116" name="T2"/>
                <a:gd fmla="*/ 10 h 63" name="T3"/>
                <a:gd fmla="*/ 112 w 116" name="T4"/>
                <a:gd fmla="*/ 12 h 63" name="T5"/>
                <a:gd fmla="*/ 107 w 116" name="T6"/>
                <a:gd fmla="*/ 14 h 63" name="T7"/>
                <a:gd fmla="*/ 93 w 116" name="T8"/>
                <a:gd fmla="*/ 17 h 63" name="T9"/>
                <a:gd fmla="*/ 99 w 116" name="T10"/>
                <a:gd fmla="*/ 19 h 63" name="T11"/>
                <a:gd fmla="*/ 88 w 116" name="T12"/>
                <a:gd fmla="*/ 23 h 63" name="T13"/>
                <a:gd fmla="*/ 84 w 116" name="T14"/>
                <a:gd fmla="*/ 25 h 63" name="T15"/>
                <a:gd fmla="*/ 78 w 116" name="T16"/>
                <a:gd fmla="*/ 28 h 63" name="T17"/>
                <a:gd fmla="*/ 69 w 116" name="T18"/>
                <a:gd fmla="*/ 32 h 63" name="T19"/>
                <a:gd fmla="*/ 66 w 116" name="T20"/>
                <a:gd fmla="*/ 35 h 63" name="T21"/>
                <a:gd fmla="*/ 59 w 116" name="T22"/>
                <a:gd fmla="*/ 36 h 63" name="T23"/>
                <a:gd fmla="*/ 63 w 116" name="T24"/>
                <a:gd fmla="*/ 41 h 63" name="T25"/>
                <a:gd fmla="*/ 56 w 116" name="T26"/>
                <a:gd fmla="*/ 46 h 63" name="T27"/>
                <a:gd fmla="*/ 51 w 116" name="T28"/>
                <a:gd fmla="*/ 49 h 63" name="T29"/>
                <a:gd fmla="*/ 43 w 116" name="T30"/>
                <a:gd fmla="*/ 55 h 63" name="T31"/>
                <a:gd fmla="*/ 46 w 116" name="T32"/>
                <a:gd fmla="*/ 60 h 63" name="T33"/>
                <a:gd fmla="*/ 38 w 116" name="T34"/>
                <a:gd fmla="*/ 62 h 63" name="T35"/>
                <a:gd fmla="*/ 24 w 116" name="T36"/>
                <a:gd fmla="*/ 59 h 63" name="T37"/>
                <a:gd fmla="*/ 19 w 116" name="T38"/>
                <a:gd fmla="*/ 60 h 63" name="T39"/>
                <a:gd fmla="*/ 12 w 116" name="T40"/>
                <a:gd fmla="*/ 55 h 63" name="T41"/>
                <a:gd fmla="*/ 19 w 116" name="T42"/>
                <a:gd fmla="*/ 49 h 63" name="T43"/>
                <a:gd fmla="*/ 27 w 116" name="T44"/>
                <a:gd fmla="*/ 49 h 63" name="T45"/>
                <a:gd fmla="*/ 13 w 116" name="T46"/>
                <a:gd fmla="*/ 46 h 63" name="T47"/>
                <a:gd fmla="*/ 21 w 116" name="T48"/>
                <a:gd fmla="*/ 41 h 63" name="T49"/>
                <a:gd fmla="*/ 28 w 116" name="T50"/>
                <a:gd fmla="*/ 41 h 63" name="T51"/>
                <a:gd fmla="*/ 28 w 116" name="T52"/>
                <a:gd fmla="*/ 37 h 63" name="T53"/>
                <a:gd fmla="*/ 26 w 116" name="T54"/>
                <a:gd fmla="*/ 32 h 63" name="T55"/>
                <a:gd fmla="*/ 21 w 116" name="T56"/>
                <a:gd fmla="*/ 30 h 63" name="T57"/>
                <a:gd fmla="*/ 31 w 116" name="T58"/>
                <a:gd fmla="*/ 29 h 63" name="T59"/>
                <a:gd fmla="*/ 35 w 116" name="T60"/>
                <a:gd fmla="*/ 27 h 63" name="T61"/>
                <a:gd fmla="*/ 43 w 116" name="T62"/>
                <a:gd fmla="*/ 21 h 63" name="T63"/>
                <a:gd fmla="*/ 27 w 116" name="T64"/>
                <a:gd fmla="*/ 24 h 63" name="T65"/>
                <a:gd fmla="*/ 15 w 116" name="T66"/>
                <a:gd fmla="*/ 21 h 63" name="T67"/>
                <a:gd fmla="*/ 4 w 116" name="T68"/>
                <a:gd fmla="*/ 19 h 63" name="T69"/>
                <a:gd fmla="*/ 2 w 116" name="T70"/>
                <a:gd fmla="*/ 13 h 63" name="T71"/>
                <a:gd fmla="*/ 21 w 116" name="T72"/>
                <a:gd fmla="*/ 8 h 63" name="T73"/>
                <a:gd fmla="*/ 34 w 116" name="T74"/>
                <a:gd fmla="*/ 5 h 63" name="T75"/>
                <a:gd fmla="*/ 50 w 116" name="T76"/>
                <a:gd fmla="*/ 2 h 63" name="T77"/>
                <a:gd fmla="*/ 67 w 116" name="T78"/>
                <a:gd fmla="*/ 1 h 63" name="T79"/>
                <a:gd fmla="*/ 75 w 116" name="T80"/>
                <a:gd fmla="*/ 1 h 63" name="T81"/>
                <a:gd fmla="*/ 92 w 116" name="T82"/>
                <a:gd fmla="*/ 1 h 63" name="T83"/>
                <a:gd fmla="*/ 108 w 116" name="T84"/>
                <a:gd fmla="*/ 2 h 63" name="T85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</a:cxnLst>
              <a:rect b="b" l="0" r="r" t="0"/>
              <a:pathLst>
                <a:path h="62" w="115">
                  <a:moveTo>
                    <a:pt x="108" y="2"/>
                  </a:moveTo>
                  <a:cubicBezTo>
                    <a:pt x="106" y="4"/>
                    <a:pt x="108" y="4"/>
                    <a:pt x="108" y="6"/>
                  </a:cubicBezTo>
                  <a:cubicBezTo>
                    <a:pt x="115" y="6"/>
                    <a:pt x="115" y="6"/>
                    <a:pt x="115" y="6"/>
                  </a:cubicBezTo>
                  <a:cubicBezTo>
                    <a:pt x="116" y="8"/>
                    <a:pt x="114" y="8"/>
                    <a:pt x="114" y="10"/>
                  </a:cubicBezTo>
                  <a:cubicBezTo>
                    <a:pt x="114" y="10"/>
                    <a:pt x="112" y="10"/>
                    <a:pt x="112" y="10"/>
                  </a:cubicBezTo>
                  <a:cubicBezTo>
                    <a:pt x="111" y="10"/>
                    <a:pt x="112" y="12"/>
                    <a:pt x="112" y="12"/>
                  </a:cubicBezTo>
                  <a:cubicBezTo>
                    <a:pt x="110" y="13"/>
                    <a:pt x="108" y="13"/>
                    <a:pt x="108" y="12"/>
                  </a:cubicBezTo>
                  <a:cubicBezTo>
                    <a:pt x="107" y="12"/>
                    <a:pt x="107" y="13"/>
                    <a:pt x="107" y="14"/>
                  </a:cubicBezTo>
                  <a:cubicBezTo>
                    <a:pt x="106" y="15"/>
                    <a:pt x="103" y="13"/>
                    <a:pt x="103" y="15"/>
                  </a:cubicBezTo>
                  <a:cubicBezTo>
                    <a:pt x="100" y="14"/>
                    <a:pt x="95" y="14"/>
                    <a:pt x="93" y="17"/>
                  </a:cubicBezTo>
                  <a:cubicBezTo>
                    <a:pt x="94" y="19"/>
                    <a:pt x="98" y="17"/>
                    <a:pt x="99" y="16"/>
                  </a:cubicBezTo>
                  <a:cubicBezTo>
                    <a:pt x="101" y="16"/>
                    <a:pt x="99" y="17"/>
                    <a:pt x="99" y="19"/>
                  </a:cubicBezTo>
                  <a:cubicBezTo>
                    <a:pt x="96" y="19"/>
                    <a:pt x="94" y="20"/>
                    <a:pt x="91" y="21"/>
                  </a:cubicBezTo>
                  <a:cubicBezTo>
                    <a:pt x="89" y="21"/>
                    <a:pt x="88" y="22"/>
                    <a:pt x="88" y="23"/>
                  </a:cubicBezTo>
                  <a:cubicBezTo>
                    <a:pt x="87" y="24"/>
                    <a:pt x="86" y="23"/>
                    <a:pt x="85" y="23"/>
                  </a:cubicBezTo>
                  <a:cubicBezTo>
                    <a:pt x="84" y="24"/>
                    <a:pt x="85" y="25"/>
                    <a:pt x="84" y="25"/>
                  </a:cubicBezTo>
                  <a:cubicBezTo>
                    <a:pt x="83" y="26"/>
                    <a:pt x="81" y="24"/>
                    <a:pt x="81" y="26"/>
                  </a:cubicBezTo>
                  <a:cubicBezTo>
                    <a:pt x="81" y="28"/>
                    <a:pt x="78" y="27"/>
                    <a:pt x="78" y="28"/>
                  </a:cubicBezTo>
                  <a:cubicBezTo>
                    <a:pt x="78" y="30"/>
                    <a:pt x="76" y="29"/>
                    <a:pt x="74" y="30"/>
                  </a:cubicBezTo>
                  <a:cubicBezTo>
                    <a:pt x="73" y="31"/>
                    <a:pt x="71" y="31"/>
                    <a:pt x="69" y="32"/>
                  </a:cubicBezTo>
                  <a:cubicBezTo>
                    <a:pt x="68" y="32"/>
                    <a:pt x="69" y="33"/>
                    <a:pt x="68" y="33"/>
                  </a:cubicBezTo>
                  <a:cubicBezTo>
                    <a:pt x="65" y="33"/>
                    <a:pt x="67" y="34"/>
                    <a:pt x="66" y="35"/>
                  </a:cubicBezTo>
                  <a:cubicBezTo>
                    <a:pt x="66" y="35"/>
                    <a:pt x="65" y="35"/>
                    <a:pt x="65" y="35"/>
                  </a:cubicBezTo>
                  <a:cubicBezTo>
                    <a:pt x="64" y="35"/>
                    <a:pt x="62" y="37"/>
                    <a:pt x="59" y="36"/>
                  </a:cubicBezTo>
                  <a:cubicBezTo>
                    <a:pt x="59" y="37"/>
                    <a:pt x="63" y="38"/>
                    <a:pt x="59" y="38"/>
                  </a:cubicBezTo>
                  <a:cubicBezTo>
                    <a:pt x="60" y="40"/>
                    <a:pt x="64" y="38"/>
                    <a:pt x="63" y="41"/>
                  </a:cubicBezTo>
                  <a:cubicBezTo>
                    <a:pt x="61" y="39"/>
                    <a:pt x="61" y="42"/>
                    <a:pt x="61" y="44"/>
                  </a:cubicBezTo>
                  <a:cubicBezTo>
                    <a:pt x="59" y="41"/>
                    <a:pt x="58" y="45"/>
                    <a:pt x="56" y="46"/>
                  </a:cubicBezTo>
                  <a:cubicBezTo>
                    <a:pt x="54" y="47"/>
                    <a:pt x="52" y="46"/>
                    <a:pt x="50" y="48"/>
                  </a:cubicBezTo>
                  <a:cubicBezTo>
                    <a:pt x="50" y="49"/>
                    <a:pt x="51" y="49"/>
                    <a:pt x="51" y="49"/>
                  </a:cubicBezTo>
                  <a:cubicBezTo>
                    <a:pt x="52" y="50"/>
                    <a:pt x="48" y="51"/>
                    <a:pt x="50" y="51"/>
                  </a:cubicBezTo>
                  <a:cubicBezTo>
                    <a:pt x="49" y="54"/>
                    <a:pt x="44" y="52"/>
                    <a:pt x="43" y="55"/>
                  </a:cubicBezTo>
                  <a:cubicBezTo>
                    <a:pt x="44" y="57"/>
                    <a:pt x="47" y="57"/>
                    <a:pt x="50" y="57"/>
                  </a:cubicBezTo>
                  <a:cubicBezTo>
                    <a:pt x="51" y="60"/>
                    <a:pt x="46" y="57"/>
                    <a:pt x="46" y="60"/>
                  </a:cubicBezTo>
                  <a:cubicBezTo>
                    <a:pt x="46" y="61"/>
                    <a:pt x="45" y="60"/>
                    <a:pt x="44" y="60"/>
                  </a:cubicBezTo>
                  <a:cubicBezTo>
                    <a:pt x="42" y="60"/>
                    <a:pt x="40" y="63"/>
                    <a:pt x="38" y="62"/>
                  </a:cubicBezTo>
                  <a:cubicBezTo>
                    <a:pt x="37" y="61"/>
                    <a:pt x="36" y="61"/>
                    <a:pt x="36" y="59"/>
                  </a:cubicBezTo>
                  <a:cubicBezTo>
                    <a:pt x="31" y="58"/>
                    <a:pt x="28" y="60"/>
                    <a:pt x="24" y="59"/>
                  </a:cubicBezTo>
                  <a:cubicBezTo>
                    <a:pt x="23" y="59"/>
                    <a:pt x="22" y="58"/>
                    <a:pt x="23" y="58"/>
                  </a:cubicBezTo>
                  <a:cubicBezTo>
                    <a:pt x="21" y="58"/>
                    <a:pt x="20" y="59"/>
                    <a:pt x="19" y="60"/>
                  </a:cubicBezTo>
                  <a:cubicBezTo>
                    <a:pt x="15" y="60"/>
                    <a:pt x="11" y="58"/>
                    <a:pt x="6" y="58"/>
                  </a:cubicBezTo>
                  <a:cubicBezTo>
                    <a:pt x="7" y="56"/>
                    <a:pt x="9" y="55"/>
                    <a:pt x="12" y="55"/>
                  </a:cubicBezTo>
                  <a:cubicBezTo>
                    <a:pt x="14" y="55"/>
                    <a:pt x="13" y="51"/>
                    <a:pt x="14" y="50"/>
                  </a:cubicBezTo>
                  <a:cubicBezTo>
                    <a:pt x="17" y="51"/>
                    <a:pt x="17" y="49"/>
                    <a:pt x="19" y="49"/>
                  </a:cubicBezTo>
                  <a:cubicBezTo>
                    <a:pt x="19" y="52"/>
                    <a:pt x="23" y="52"/>
                    <a:pt x="26" y="52"/>
                  </a:cubicBezTo>
                  <a:cubicBezTo>
                    <a:pt x="28" y="51"/>
                    <a:pt x="25" y="51"/>
                    <a:pt x="27" y="49"/>
                  </a:cubicBezTo>
                  <a:cubicBezTo>
                    <a:pt x="26" y="47"/>
                    <a:pt x="21" y="50"/>
                    <a:pt x="23" y="45"/>
                  </a:cubicBezTo>
                  <a:cubicBezTo>
                    <a:pt x="19" y="46"/>
                    <a:pt x="17" y="48"/>
                    <a:pt x="13" y="46"/>
                  </a:cubicBezTo>
                  <a:cubicBezTo>
                    <a:pt x="14" y="44"/>
                    <a:pt x="16" y="44"/>
                    <a:pt x="18" y="43"/>
                  </a:cubicBezTo>
                  <a:cubicBezTo>
                    <a:pt x="19" y="42"/>
                    <a:pt x="20" y="42"/>
                    <a:pt x="21" y="41"/>
                  </a:cubicBezTo>
                  <a:cubicBezTo>
                    <a:pt x="22" y="41"/>
                    <a:pt x="23" y="40"/>
                    <a:pt x="23" y="40"/>
                  </a:cubicBezTo>
                  <a:cubicBezTo>
                    <a:pt x="25" y="39"/>
                    <a:pt x="26" y="40"/>
                    <a:pt x="28" y="41"/>
                  </a:cubicBezTo>
                  <a:cubicBezTo>
                    <a:pt x="29" y="40"/>
                    <a:pt x="30" y="39"/>
                    <a:pt x="30" y="38"/>
                  </a:cubicBezTo>
                  <a:cubicBezTo>
                    <a:pt x="31" y="36"/>
                    <a:pt x="28" y="37"/>
                    <a:pt x="28" y="37"/>
                  </a:cubicBezTo>
                  <a:cubicBezTo>
                    <a:pt x="27" y="36"/>
                    <a:pt x="27" y="34"/>
                    <a:pt x="27" y="34"/>
                  </a:cubicBezTo>
                  <a:cubicBezTo>
                    <a:pt x="26" y="33"/>
                    <a:pt x="25" y="33"/>
                    <a:pt x="26" y="32"/>
                  </a:cubicBezTo>
                  <a:cubicBezTo>
                    <a:pt x="25" y="32"/>
                    <a:pt x="24" y="33"/>
                    <a:pt x="23" y="33"/>
                  </a:cubicBezTo>
                  <a:cubicBezTo>
                    <a:pt x="23" y="31"/>
                    <a:pt x="23" y="30"/>
                    <a:pt x="21" y="30"/>
                  </a:cubicBezTo>
                  <a:cubicBezTo>
                    <a:pt x="22" y="28"/>
                    <a:pt x="23" y="27"/>
                    <a:pt x="26" y="27"/>
                  </a:cubicBezTo>
                  <a:cubicBezTo>
                    <a:pt x="28" y="27"/>
                    <a:pt x="28" y="30"/>
                    <a:pt x="31" y="29"/>
                  </a:cubicBezTo>
                  <a:cubicBezTo>
                    <a:pt x="31" y="30"/>
                    <a:pt x="32" y="31"/>
                    <a:pt x="32" y="31"/>
                  </a:cubicBezTo>
                  <a:cubicBezTo>
                    <a:pt x="35" y="32"/>
                    <a:pt x="34" y="28"/>
                    <a:pt x="35" y="27"/>
                  </a:cubicBezTo>
                  <a:cubicBezTo>
                    <a:pt x="40" y="26"/>
                    <a:pt x="44" y="25"/>
                    <a:pt x="47" y="21"/>
                  </a:cubicBezTo>
                  <a:cubicBezTo>
                    <a:pt x="46" y="19"/>
                    <a:pt x="45" y="23"/>
                    <a:pt x="43" y="21"/>
                  </a:cubicBezTo>
                  <a:cubicBezTo>
                    <a:pt x="41" y="23"/>
                    <a:pt x="39" y="23"/>
                    <a:pt x="38" y="24"/>
                  </a:cubicBezTo>
                  <a:cubicBezTo>
                    <a:pt x="35" y="24"/>
                    <a:pt x="31" y="25"/>
                    <a:pt x="27" y="24"/>
                  </a:cubicBezTo>
                  <a:cubicBezTo>
                    <a:pt x="24" y="24"/>
                    <a:pt x="23" y="23"/>
                    <a:pt x="20" y="24"/>
                  </a:cubicBezTo>
                  <a:cubicBezTo>
                    <a:pt x="19" y="21"/>
                    <a:pt x="17" y="25"/>
                    <a:pt x="15" y="21"/>
                  </a:cubicBezTo>
                  <a:cubicBezTo>
                    <a:pt x="14" y="23"/>
                    <a:pt x="11" y="21"/>
                    <a:pt x="8" y="21"/>
                  </a:cubicBezTo>
                  <a:cubicBezTo>
                    <a:pt x="8" y="18"/>
                    <a:pt x="4" y="20"/>
                    <a:pt x="4" y="19"/>
                  </a:cubicBezTo>
                  <a:cubicBezTo>
                    <a:pt x="3" y="16"/>
                    <a:pt x="6" y="17"/>
                    <a:pt x="7" y="16"/>
                  </a:cubicBezTo>
                  <a:cubicBezTo>
                    <a:pt x="7" y="13"/>
                    <a:pt x="0" y="17"/>
                    <a:pt x="2" y="13"/>
                  </a:cubicBezTo>
                  <a:cubicBezTo>
                    <a:pt x="6" y="11"/>
                    <a:pt x="13" y="11"/>
                    <a:pt x="20" y="10"/>
                  </a:cubicBezTo>
                  <a:cubicBezTo>
                    <a:pt x="21" y="10"/>
                    <a:pt x="21" y="9"/>
                    <a:pt x="21" y="8"/>
                  </a:cubicBezTo>
                  <a:cubicBezTo>
                    <a:pt x="26" y="9"/>
                    <a:pt x="30" y="7"/>
                    <a:pt x="32" y="8"/>
                  </a:cubicBezTo>
                  <a:cubicBezTo>
                    <a:pt x="33" y="7"/>
                    <a:pt x="34" y="6"/>
                    <a:pt x="34" y="5"/>
                  </a:cubicBezTo>
                  <a:cubicBezTo>
                    <a:pt x="40" y="5"/>
                    <a:pt x="45" y="3"/>
                    <a:pt x="50" y="4"/>
                  </a:cubicBezTo>
                  <a:cubicBezTo>
                    <a:pt x="50" y="4"/>
                    <a:pt x="50" y="3"/>
                    <a:pt x="50" y="2"/>
                  </a:cubicBezTo>
                  <a:cubicBezTo>
                    <a:pt x="54" y="3"/>
                    <a:pt x="60" y="1"/>
                    <a:pt x="62" y="3"/>
                  </a:cubicBezTo>
                  <a:cubicBezTo>
                    <a:pt x="63" y="2"/>
                    <a:pt x="66" y="3"/>
                    <a:pt x="67" y="1"/>
                  </a:cubicBezTo>
                  <a:cubicBezTo>
                    <a:pt x="69" y="2"/>
                    <a:pt x="73" y="3"/>
                    <a:pt x="76" y="2"/>
                  </a:cubicBezTo>
                  <a:cubicBezTo>
                    <a:pt x="76" y="2"/>
                    <a:pt x="76" y="1"/>
                    <a:pt x="75" y="1"/>
                  </a:cubicBezTo>
                  <a:cubicBezTo>
                    <a:pt x="75" y="0"/>
                    <a:pt x="76" y="1"/>
                    <a:pt x="76" y="1"/>
                  </a:cubicBezTo>
                  <a:cubicBezTo>
                    <a:pt x="81" y="2"/>
                    <a:pt x="87" y="0"/>
                    <a:pt x="92" y="1"/>
                  </a:cubicBezTo>
                  <a:cubicBezTo>
                    <a:pt x="92" y="1"/>
                    <a:pt x="91" y="3"/>
                    <a:pt x="92" y="3"/>
                  </a:cubicBezTo>
                  <a:cubicBezTo>
                    <a:pt x="99" y="3"/>
                    <a:pt x="99" y="2"/>
                    <a:pt x="108" y="2"/>
                  </a:cubicBezTo>
                </a:path>
              </a:pathLst>
            </a:custGeom>
            <a:solidFill>
              <a:srgbClr val="E1DAAD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" name="Freeform 9"/>
            <p:cNvSpPr>
              <a:spLocks noEditPoints="1"/>
            </p:cNvSpPr>
            <p:nvPr/>
          </p:nvSpPr>
          <p:spPr bwMode="auto">
            <a:xfrm>
              <a:off x="4068763" y="1579563"/>
              <a:ext cx="3538538" cy="2320925"/>
            </a:xfrm>
            <a:custGeom>
              <a:gdLst>
                <a:gd fmla="*/ 479 w 807" name="T0"/>
                <a:gd fmla="*/ 37 h 529" name="T1"/>
                <a:gd fmla="*/ 566 w 807" name="T2"/>
                <a:gd fmla="*/ 37 h 529" name="T3"/>
                <a:gd fmla="*/ 639 w 807" name="T4"/>
                <a:gd fmla="*/ 44 h 529" name="T5"/>
                <a:gd fmla="*/ 733 w 807" name="T6"/>
                <a:gd fmla="*/ 59 h 529" name="T7"/>
                <a:gd fmla="*/ 807 w 807" name="T8"/>
                <a:gd fmla="*/ 83 h 529" name="T9"/>
                <a:gd fmla="*/ 760 w 807" name="T10"/>
                <a:gd fmla="*/ 95 h 529" name="T11"/>
                <a:gd fmla="*/ 700 w 807" name="T12"/>
                <a:gd fmla="*/ 140 h 529" name="T13"/>
                <a:gd fmla="*/ 676 w 807" name="T14"/>
                <a:gd fmla="*/ 155 h 529" name="T15"/>
                <a:gd fmla="*/ 708 w 807" name="T16"/>
                <a:gd fmla="*/ 107 h 529" name="T17"/>
                <a:gd fmla="*/ 639 w 807" name="T18"/>
                <a:gd fmla="*/ 127 h 529" name="T19"/>
                <a:gd fmla="*/ 617 w 807" name="T20"/>
                <a:gd fmla="*/ 160 h 529" name="T21"/>
                <a:gd fmla="*/ 579 w 807" name="T22"/>
                <a:gd fmla="*/ 213 h 529" name="T23"/>
                <a:gd fmla="*/ 554 w 807" name="T24"/>
                <a:gd fmla="*/ 225 h 529" name="T25"/>
                <a:gd fmla="*/ 543 w 807" name="T26"/>
                <a:gd fmla="*/ 238 h 529" name="T27"/>
                <a:gd fmla="*/ 509 w 807" name="T28"/>
                <a:gd fmla="*/ 301 h 529" name="T29"/>
                <a:gd fmla="*/ 490 w 807" name="T30"/>
                <a:gd fmla="*/ 346 h 529" name="T31"/>
                <a:gd fmla="*/ 458 w 807" name="T32"/>
                <a:gd fmla="*/ 351 h 529" name="T33"/>
                <a:gd fmla="*/ 452 w 807" name="T34"/>
                <a:gd fmla="*/ 353 h 529" name="T35"/>
                <a:gd fmla="*/ 435 w 807" name="T36"/>
                <a:gd fmla="*/ 308 h 529" name="T37"/>
                <a:gd fmla="*/ 380 w 807" name="T38"/>
                <a:gd fmla="*/ 337 h 529" name="T39"/>
                <a:gd fmla="*/ 341 w 807" name="T40"/>
                <a:gd fmla="*/ 297 h 529" name="T41"/>
                <a:gd fmla="*/ 268 w 807" name="T42"/>
                <a:gd fmla="*/ 285 h 529" name="T43"/>
                <a:gd fmla="*/ 286 w 807" name="T44"/>
                <a:gd fmla="*/ 316 h 529" name="T45"/>
                <a:gd fmla="*/ 232 w 807" name="T46"/>
                <a:gd fmla="*/ 319 h 529" name="T47"/>
                <a:gd fmla="*/ 201 w 807" name="T48"/>
                <a:gd fmla="*/ 280 h 529" name="T49"/>
                <a:gd fmla="*/ 226 w 807" name="T50"/>
                <a:gd fmla="*/ 331 h 529" name="T51"/>
                <a:gd fmla="*/ 241 w 807" name="T52"/>
                <a:gd fmla="*/ 384 h 529" name="T53"/>
                <a:gd fmla="*/ 211 w 807" name="T54"/>
                <a:gd fmla="*/ 460 h 529" name="T55"/>
                <a:gd fmla="*/ 181 w 807" name="T56"/>
                <a:gd fmla="*/ 519 h 529" name="T57"/>
                <a:gd fmla="*/ 122 w 807" name="T58"/>
                <a:gd fmla="*/ 474 h 529" name="T59"/>
                <a:gd fmla="*/ 115 w 807" name="T60"/>
                <a:gd fmla="*/ 404 h 529" name="T61"/>
                <a:gd fmla="*/ 24 w 807" name="T62"/>
                <a:gd fmla="*/ 360 h 529" name="T63"/>
                <a:gd fmla="*/ 3 w 807" name="T64"/>
                <a:gd fmla="*/ 302 h 529" name="T65"/>
                <a:gd fmla="*/ 83 w 807" name="T66"/>
                <a:gd fmla="*/ 239 h 529" name="T67"/>
                <a:gd fmla="*/ 135 w 807" name="T68"/>
                <a:gd fmla="*/ 263 h 529" name="T69"/>
                <a:gd fmla="*/ 194 w 807" name="T70"/>
                <a:gd fmla="*/ 263 h 529" name="T71"/>
                <a:gd fmla="*/ 159 w 807" name="T72"/>
                <a:gd fmla="*/ 223 h 529" name="T73"/>
                <a:gd fmla="*/ 131 w 807" name="T74"/>
                <a:gd fmla="*/ 206 h 529" name="T75"/>
                <a:gd fmla="*/ 133 w 807" name="T76"/>
                <a:gd fmla="*/ 222 h 529" name="T77"/>
                <a:gd fmla="*/ 81 w 807" name="T78"/>
                <a:gd fmla="*/ 209 h 529" name="T79"/>
                <a:gd fmla="*/ 59 w 807" name="T80"/>
                <a:gd fmla="*/ 208 h 529" name="T81"/>
                <a:gd fmla="*/ 81 w 807" name="T82"/>
                <a:gd fmla="*/ 169 h 529" name="T83"/>
                <a:gd fmla="*/ 110 w 807" name="T84"/>
                <a:gd fmla="*/ 150 h 529" name="T85"/>
                <a:gd fmla="*/ 163 w 807" name="T86"/>
                <a:gd fmla="*/ 127 h 529" name="T87"/>
                <a:gd fmla="*/ 161 w 807" name="T88"/>
                <a:gd fmla="*/ 101 h 529" name="T89"/>
                <a:gd fmla="*/ 143 w 807" name="T90"/>
                <a:gd fmla="*/ 122 h 529" name="T91"/>
                <a:gd fmla="*/ 94 w 807" name="T92"/>
                <a:gd fmla="*/ 129 h 529" name="T93"/>
                <a:gd fmla="*/ 117 w 807" name="T94"/>
                <a:gd fmla="*/ 86 h 529" name="T95"/>
                <a:gd fmla="*/ 182 w 807" name="T96"/>
                <a:gd fmla="*/ 54 h 529" name="T97"/>
                <a:gd fmla="*/ 204 w 807" name="T98"/>
                <a:gd fmla="*/ 79 h 529" name="T99"/>
                <a:gd fmla="*/ 241 w 807" name="T100"/>
                <a:gd fmla="*/ 69 h 529" name="T101"/>
                <a:gd fmla="*/ 306 w 807" name="T102"/>
                <a:gd fmla="*/ 65 h 529" name="T103"/>
                <a:gd fmla="*/ 338 w 807" name="T104"/>
                <a:gd fmla="*/ 43 h 529" name="T105"/>
                <a:gd fmla="*/ 361 w 807" name="T106"/>
                <a:gd fmla="*/ 67 h 529" name="T107"/>
                <a:gd fmla="*/ 376 w 807" name="T108"/>
                <a:gd fmla="*/ 42 h 529" name="T109"/>
                <a:gd fmla="*/ 456 w 807" name="T110"/>
                <a:gd fmla="*/ 10 h 529" name="T111"/>
                <a:gd fmla="*/ 191 w 807" name="T112"/>
                <a:gd fmla="*/ 192 h 529" name="T113"/>
                <a:gd fmla="*/ 230 w 807" name="T114"/>
                <a:gd fmla="*/ 218 h 529" name="T115"/>
                <a:gd fmla="*/ 272 w 807" name="T116"/>
                <a:gd fmla="*/ 211 h 529" name="T117"/>
                <a:gd fmla="*/ 259 w 807" name="T118"/>
                <a:gd fmla="*/ 231 h 529" name="T119"/>
                <a:gd fmla="*/ 192 w 807" name="T120"/>
                <a:gd fmla="*/ 390 h 529" name="T12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</a:cxnLst>
              <a:rect b="b" l="0" r="r" t="0"/>
              <a:pathLst>
                <a:path h="529" w="806">
                  <a:moveTo>
                    <a:pt x="486" y="6"/>
                  </a:moveTo>
                  <a:cubicBezTo>
                    <a:pt x="486" y="7"/>
                    <a:pt x="488" y="7"/>
                    <a:pt x="489" y="7"/>
                  </a:cubicBezTo>
                  <a:cubicBezTo>
                    <a:pt x="489" y="8"/>
                    <a:pt x="487" y="8"/>
                    <a:pt x="486" y="8"/>
                  </a:cubicBezTo>
                  <a:cubicBezTo>
                    <a:pt x="490" y="12"/>
                    <a:pt x="494" y="6"/>
                    <a:pt x="501" y="8"/>
                  </a:cubicBezTo>
                  <a:cubicBezTo>
                    <a:pt x="503" y="10"/>
                    <a:pt x="506" y="12"/>
                    <a:pt x="509" y="12"/>
                  </a:cubicBezTo>
                  <a:cubicBezTo>
                    <a:pt x="509" y="14"/>
                    <a:pt x="509" y="15"/>
                    <a:pt x="509" y="16"/>
                  </a:cubicBezTo>
                  <a:cubicBezTo>
                    <a:pt x="509" y="17"/>
                    <a:pt x="511" y="17"/>
                    <a:pt x="511" y="19"/>
                  </a:cubicBezTo>
                  <a:cubicBezTo>
                    <a:pt x="509" y="19"/>
                    <a:pt x="509" y="21"/>
                    <a:pt x="509" y="22"/>
                  </a:cubicBezTo>
                  <a:cubicBezTo>
                    <a:pt x="508" y="21"/>
                    <a:pt x="507" y="21"/>
                    <a:pt x="505" y="21"/>
                  </a:cubicBezTo>
                  <a:cubicBezTo>
                    <a:pt x="504" y="21"/>
                    <a:pt x="505" y="23"/>
                    <a:pt x="504" y="23"/>
                  </a:cubicBezTo>
                  <a:cubicBezTo>
                    <a:pt x="504" y="23"/>
                    <a:pt x="503" y="22"/>
                    <a:pt x="502" y="22"/>
                  </a:cubicBezTo>
                  <a:cubicBezTo>
                    <a:pt x="502" y="22"/>
                    <a:pt x="500" y="24"/>
                    <a:pt x="497" y="23"/>
                  </a:cubicBezTo>
                  <a:cubicBezTo>
                    <a:pt x="495" y="23"/>
                    <a:pt x="496" y="25"/>
                    <a:pt x="496" y="25"/>
                  </a:cubicBezTo>
                  <a:cubicBezTo>
                    <a:pt x="495" y="25"/>
                    <a:pt x="494" y="25"/>
                    <a:pt x="494" y="25"/>
                  </a:cubicBezTo>
                  <a:cubicBezTo>
                    <a:pt x="493" y="26"/>
                    <a:pt x="495" y="26"/>
                    <a:pt x="494" y="29"/>
                  </a:cubicBezTo>
                  <a:cubicBezTo>
                    <a:pt x="493" y="27"/>
                    <a:pt x="489" y="29"/>
                    <a:pt x="491" y="30"/>
                  </a:cubicBezTo>
                  <a:cubicBezTo>
                    <a:pt x="489" y="32"/>
                    <a:pt x="486" y="31"/>
                    <a:pt x="483" y="32"/>
                  </a:cubicBezTo>
                  <a:cubicBezTo>
                    <a:pt x="482" y="32"/>
                    <a:pt x="481" y="35"/>
                    <a:pt x="478" y="34"/>
                  </a:cubicBezTo>
                  <a:cubicBezTo>
                    <a:pt x="479" y="36"/>
                    <a:pt x="479" y="37"/>
                    <a:pt x="478" y="37"/>
                  </a:cubicBezTo>
                  <a:cubicBezTo>
                    <a:pt x="478" y="39"/>
                    <a:pt x="478" y="37"/>
                    <a:pt x="479" y="37"/>
                  </a:cubicBezTo>
                  <a:cubicBezTo>
                    <a:pt x="482" y="37"/>
                    <a:pt x="483" y="35"/>
                    <a:pt x="485" y="34"/>
                  </a:cubicBezTo>
                  <a:cubicBezTo>
                    <a:pt x="487" y="34"/>
                    <a:pt x="487" y="36"/>
                    <a:pt x="488" y="35"/>
                  </a:cubicBezTo>
                  <a:cubicBezTo>
                    <a:pt x="489" y="35"/>
                    <a:pt x="489" y="34"/>
                    <a:pt x="490" y="33"/>
                  </a:cubicBezTo>
                  <a:cubicBezTo>
                    <a:pt x="492" y="33"/>
                    <a:pt x="494" y="33"/>
                    <a:pt x="497" y="33"/>
                  </a:cubicBezTo>
                  <a:cubicBezTo>
                    <a:pt x="498" y="32"/>
                    <a:pt x="496" y="31"/>
                    <a:pt x="498" y="31"/>
                  </a:cubicBezTo>
                  <a:cubicBezTo>
                    <a:pt x="498" y="31"/>
                    <a:pt x="499" y="31"/>
                    <a:pt x="499" y="31"/>
                  </a:cubicBezTo>
                  <a:cubicBezTo>
                    <a:pt x="500" y="31"/>
                    <a:pt x="500" y="29"/>
                    <a:pt x="500" y="29"/>
                  </a:cubicBezTo>
                  <a:cubicBezTo>
                    <a:pt x="501" y="29"/>
                    <a:pt x="503" y="30"/>
                    <a:pt x="504" y="30"/>
                  </a:cubicBezTo>
                  <a:cubicBezTo>
                    <a:pt x="507" y="30"/>
                    <a:pt x="507" y="29"/>
                    <a:pt x="509" y="29"/>
                  </a:cubicBezTo>
                  <a:cubicBezTo>
                    <a:pt x="509" y="32"/>
                    <a:pt x="509" y="32"/>
                    <a:pt x="509" y="32"/>
                  </a:cubicBezTo>
                  <a:cubicBezTo>
                    <a:pt x="510" y="31"/>
                    <a:pt x="511" y="31"/>
                    <a:pt x="511" y="33"/>
                  </a:cubicBezTo>
                  <a:cubicBezTo>
                    <a:pt x="516" y="32"/>
                    <a:pt x="524" y="33"/>
                    <a:pt x="532" y="33"/>
                  </a:cubicBezTo>
                  <a:cubicBezTo>
                    <a:pt x="531" y="37"/>
                    <a:pt x="538" y="34"/>
                    <a:pt x="538" y="38"/>
                  </a:cubicBezTo>
                  <a:cubicBezTo>
                    <a:pt x="538" y="37"/>
                    <a:pt x="540" y="38"/>
                    <a:pt x="541" y="38"/>
                  </a:cubicBezTo>
                  <a:cubicBezTo>
                    <a:pt x="544" y="38"/>
                    <a:pt x="548" y="37"/>
                    <a:pt x="549" y="38"/>
                  </a:cubicBezTo>
                  <a:cubicBezTo>
                    <a:pt x="551" y="38"/>
                    <a:pt x="549" y="34"/>
                    <a:pt x="551" y="33"/>
                  </a:cubicBezTo>
                  <a:cubicBezTo>
                    <a:pt x="554" y="34"/>
                    <a:pt x="557" y="34"/>
                    <a:pt x="561" y="34"/>
                  </a:cubicBezTo>
                  <a:cubicBezTo>
                    <a:pt x="561" y="34"/>
                    <a:pt x="561" y="35"/>
                    <a:pt x="561" y="35"/>
                  </a:cubicBezTo>
                  <a:cubicBezTo>
                    <a:pt x="562" y="36"/>
                    <a:pt x="564" y="35"/>
                    <a:pt x="565" y="35"/>
                  </a:cubicBezTo>
                  <a:cubicBezTo>
                    <a:pt x="566" y="36"/>
                    <a:pt x="566" y="37"/>
                    <a:pt x="566" y="37"/>
                  </a:cubicBezTo>
                  <a:cubicBezTo>
                    <a:pt x="568" y="38"/>
                    <a:pt x="570" y="37"/>
                    <a:pt x="571" y="38"/>
                  </a:cubicBezTo>
                  <a:cubicBezTo>
                    <a:pt x="571" y="40"/>
                    <a:pt x="571" y="42"/>
                    <a:pt x="568" y="42"/>
                  </a:cubicBezTo>
                  <a:cubicBezTo>
                    <a:pt x="568" y="44"/>
                    <a:pt x="570" y="44"/>
                    <a:pt x="572" y="44"/>
                  </a:cubicBezTo>
                  <a:cubicBezTo>
                    <a:pt x="571" y="50"/>
                    <a:pt x="576" y="50"/>
                    <a:pt x="578" y="53"/>
                  </a:cubicBezTo>
                  <a:cubicBezTo>
                    <a:pt x="579" y="52"/>
                    <a:pt x="581" y="51"/>
                    <a:pt x="583" y="50"/>
                  </a:cubicBezTo>
                  <a:cubicBezTo>
                    <a:pt x="583" y="49"/>
                    <a:pt x="583" y="47"/>
                    <a:pt x="583" y="47"/>
                  </a:cubicBezTo>
                  <a:cubicBezTo>
                    <a:pt x="584" y="46"/>
                    <a:pt x="586" y="47"/>
                    <a:pt x="585" y="46"/>
                  </a:cubicBezTo>
                  <a:cubicBezTo>
                    <a:pt x="588" y="45"/>
                    <a:pt x="587" y="48"/>
                    <a:pt x="588" y="49"/>
                  </a:cubicBezTo>
                  <a:cubicBezTo>
                    <a:pt x="595" y="49"/>
                    <a:pt x="595" y="49"/>
                    <a:pt x="595" y="49"/>
                  </a:cubicBezTo>
                  <a:cubicBezTo>
                    <a:pt x="596" y="48"/>
                    <a:pt x="598" y="48"/>
                    <a:pt x="598" y="46"/>
                  </a:cubicBezTo>
                  <a:cubicBezTo>
                    <a:pt x="601" y="47"/>
                    <a:pt x="608" y="44"/>
                    <a:pt x="608" y="48"/>
                  </a:cubicBezTo>
                  <a:cubicBezTo>
                    <a:pt x="611" y="48"/>
                    <a:pt x="610" y="45"/>
                    <a:pt x="614" y="46"/>
                  </a:cubicBezTo>
                  <a:cubicBezTo>
                    <a:pt x="614" y="45"/>
                    <a:pt x="613" y="45"/>
                    <a:pt x="612" y="45"/>
                  </a:cubicBezTo>
                  <a:cubicBezTo>
                    <a:pt x="613" y="44"/>
                    <a:pt x="613" y="42"/>
                    <a:pt x="614" y="42"/>
                  </a:cubicBezTo>
                  <a:cubicBezTo>
                    <a:pt x="617" y="42"/>
                    <a:pt x="616" y="39"/>
                    <a:pt x="620" y="40"/>
                  </a:cubicBezTo>
                  <a:cubicBezTo>
                    <a:pt x="621" y="40"/>
                    <a:pt x="620" y="39"/>
                    <a:pt x="620" y="39"/>
                  </a:cubicBezTo>
                  <a:cubicBezTo>
                    <a:pt x="621" y="37"/>
                    <a:pt x="624" y="39"/>
                    <a:pt x="627" y="38"/>
                  </a:cubicBezTo>
                  <a:cubicBezTo>
                    <a:pt x="627" y="43"/>
                    <a:pt x="632" y="37"/>
                    <a:pt x="631" y="41"/>
                  </a:cubicBezTo>
                  <a:cubicBezTo>
                    <a:pt x="635" y="42"/>
                    <a:pt x="638" y="41"/>
                    <a:pt x="642" y="40"/>
                  </a:cubicBezTo>
                  <a:cubicBezTo>
                    <a:pt x="642" y="43"/>
                    <a:pt x="638" y="41"/>
                    <a:pt x="639" y="44"/>
                  </a:cubicBezTo>
                  <a:cubicBezTo>
                    <a:pt x="639" y="46"/>
                    <a:pt x="643" y="45"/>
                    <a:pt x="645" y="45"/>
                  </a:cubicBezTo>
                  <a:cubicBezTo>
                    <a:pt x="648" y="45"/>
                    <a:pt x="651" y="45"/>
                    <a:pt x="654" y="44"/>
                  </a:cubicBezTo>
                  <a:cubicBezTo>
                    <a:pt x="655" y="48"/>
                    <a:pt x="659" y="48"/>
                    <a:pt x="661" y="51"/>
                  </a:cubicBezTo>
                  <a:cubicBezTo>
                    <a:pt x="663" y="50"/>
                    <a:pt x="664" y="51"/>
                    <a:pt x="666" y="52"/>
                  </a:cubicBezTo>
                  <a:cubicBezTo>
                    <a:pt x="672" y="52"/>
                    <a:pt x="678" y="51"/>
                    <a:pt x="684" y="52"/>
                  </a:cubicBezTo>
                  <a:cubicBezTo>
                    <a:pt x="686" y="52"/>
                    <a:pt x="688" y="55"/>
                    <a:pt x="690" y="54"/>
                  </a:cubicBezTo>
                  <a:cubicBezTo>
                    <a:pt x="690" y="55"/>
                    <a:pt x="691" y="55"/>
                    <a:pt x="692" y="55"/>
                  </a:cubicBezTo>
                  <a:cubicBezTo>
                    <a:pt x="692" y="59"/>
                    <a:pt x="692" y="59"/>
                    <a:pt x="692" y="59"/>
                  </a:cubicBezTo>
                  <a:cubicBezTo>
                    <a:pt x="692" y="61"/>
                    <a:pt x="695" y="59"/>
                    <a:pt x="696" y="60"/>
                  </a:cubicBezTo>
                  <a:cubicBezTo>
                    <a:pt x="697" y="62"/>
                    <a:pt x="697" y="60"/>
                    <a:pt x="698" y="60"/>
                  </a:cubicBezTo>
                  <a:cubicBezTo>
                    <a:pt x="698" y="60"/>
                    <a:pt x="698" y="61"/>
                    <a:pt x="699" y="61"/>
                  </a:cubicBezTo>
                  <a:cubicBezTo>
                    <a:pt x="700" y="61"/>
                    <a:pt x="710" y="62"/>
                    <a:pt x="711" y="61"/>
                  </a:cubicBezTo>
                  <a:cubicBezTo>
                    <a:pt x="711" y="61"/>
                    <a:pt x="711" y="60"/>
                    <a:pt x="711" y="60"/>
                  </a:cubicBezTo>
                  <a:cubicBezTo>
                    <a:pt x="712" y="60"/>
                    <a:pt x="714" y="61"/>
                    <a:pt x="714" y="61"/>
                  </a:cubicBezTo>
                  <a:cubicBezTo>
                    <a:pt x="715" y="60"/>
                    <a:pt x="717" y="60"/>
                    <a:pt x="717" y="61"/>
                  </a:cubicBezTo>
                  <a:cubicBezTo>
                    <a:pt x="719" y="59"/>
                    <a:pt x="722" y="59"/>
                    <a:pt x="725" y="58"/>
                  </a:cubicBezTo>
                  <a:cubicBezTo>
                    <a:pt x="724" y="61"/>
                    <a:pt x="725" y="63"/>
                    <a:pt x="726" y="65"/>
                  </a:cubicBezTo>
                  <a:cubicBezTo>
                    <a:pt x="730" y="65"/>
                    <a:pt x="731" y="67"/>
                    <a:pt x="734" y="65"/>
                  </a:cubicBezTo>
                  <a:cubicBezTo>
                    <a:pt x="735" y="63"/>
                    <a:pt x="734" y="63"/>
                    <a:pt x="732" y="63"/>
                  </a:cubicBezTo>
                  <a:cubicBezTo>
                    <a:pt x="733" y="62"/>
                    <a:pt x="733" y="61"/>
                    <a:pt x="733" y="59"/>
                  </a:cubicBezTo>
                  <a:cubicBezTo>
                    <a:pt x="736" y="57"/>
                    <a:pt x="742" y="58"/>
                    <a:pt x="743" y="60"/>
                  </a:cubicBezTo>
                  <a:cubicBezTo>
                    <a:pt x="747" y="60"/>
                    <a:pt x="751" y="60"/>
                    <a:pt x="755" y="60"/>
                  </a:cubicBezTo>
                  <a:cubicBezTo>
                    <a:pt x="757" y="60"/>
                    <a:pt x="760" y="62"/>
                    <a:pt x="760" y="60"/>
                  </a:cubicBezTo>
                  <a:cubicBezTo>
                    <a:pt x="762" y="61"/>
                    <a:pt x="762" y="62"/>
                    <a:pt x="765" y="63"/>
                  </a:cubicBezTo>
                  <a:cubicBezTo>
                    <a:pt x="766" y="63"/>
                    <a:pt x="766" y="65"/>
                    <a:pt x="767" y="65"/>
                  </a:cubicBezTo>
                  <a:cubicBezTo>
                    <a:pt x="767" y="65"/>
                    <a:pt x="768" y="64"/>
                    <a:pt x="768" y="64"/>
                  </a:cubicBezTo>
                  <a:cubicBezTo>
                    <a:pt x="769" y="65"/>
                    <a:pt x="768" y="65"/>
                    <a:pt x="769" y="66"/>
                  </a:cubicBezTo>
                  <a:cubicBezTo>
                    <a:pt x="769" y="66"/>
                    <a:pt x="770" y="66"/>
                    <a:pt x="771" y="66"/>
                  </a:cubicBezTo>
                  <a:cubicBezTo>
                    <a:pt x="771" y="67"/>
                    <a:pt x="773" y="67"/>
                    <a:pt x="775" y="68"/>
                  </a:cubicBezTo>
                  <a:cubicBezTo>
                    <a:pt x="777" y="68"/>
                    <a:pt x="779" y="69"/>
                    <a:pt x="781" y="70"/>
                  </a:cubicBezTo>
                  <a:cubicBezTo>
                    <a:pt x="781" y="70"/>
                    <a:pt x="782" y="72"/>
                    <a:pt x="782" y="72"/>
                  </a:cubicBezTo>
                  <a:cubicBezTo>
                    <a:pt x="782" y="72"/>
                    <a:pt x="784" y="71"/>
                    <a:pt x="784" y="72"/>
                  </a:cubicBezTo>
                  <a:cubicBezTo>
                    <a:pt x="784" y="72"/>
                    <a:pt x="784" y="73"/>
                    <a:pt x="784" y="74"/>
                  </a:cubicBezTo>
                  <a:cubicBezTo>
                    <a:pt x="784" y="74"/>
                    <a:pt x="786" y="73"/>
                    <a:pt x="786" y="74"/>
                  </a:cubicBezTo>
                  <a:cubicBezTo>
                    <a:pt x="787" y="74"/>
                    <a:pt x="785" y="78"/>
                    <a:pt x="789" y="76"/>
                  </a:cubicBezTo>
                  <a:cubicBezTo>
                    <a:pt x="789" y="83"/>
                    <a:pt x="789" y="83"/>
                    <a:pt x="789" y="83"/>
                  </a:cubicBezTo>
                  <a:cubicBezTo>
                    <a:pt x="792" y="83"/>
                    <a:pt x="795" y="82"/>
                    <a:pt x="795" y="79"/>
                  </a:cubicBezTo>
                  <a:cubicBezTo>
                    <a:pt x="798" y="81"/>
                    <a:pt x="802" y="80"/>
                    <a:pt x="804" y="81"/>
                  </a:cubicBezTo>
                  <a:cubicBezTo>
                    <a:pt x="804" y="81"/>
                    <a:pt x="804" y="83"/>
                    <a:pt x="804" y="83"/>
                  </a:cubicBezTo>
                  <a:cubicBezTo>
                    <a:pt x="804" y="84"/>
                    <a:pt x="806" y="83"/>
                    <a:pt x="807" y="83"/>
                  </a:cubicBezTo>
                  <a:cubicBezTo>
                    <a:pt x="806" y="84"/>
                    <a:pt x="805" y="84"/>
                    <a:pt x="805" y="86"/>
                  </a:cubicBezTo>
                  <a:cubicBezTo>
                    <a:pt x="803" y="86"/>
                    <a:pt x="803" y="85"/>
                    <a:pt x="802" y="85"/>
                  </a:cubicBezTo>
                  <a:cubicBezTo>
                    <a:pt x="801" y="86"/>
                    <a:pt x="801" y="87"/>
                    <a:pt x="799" y="87"/>
                  </a:cubicBezTo>
                  <a:cubicBezTo>
                    <a:pt x="800" y="88"/>
                    <a:pt x="802" y="88"/>
                    <a:pt x="801" y="91"/>
                  </a:cubicBezTo>
                  <a:cubicBezTo>
                    <a:pt x="798" y="88"/>
                    <a:pt x="801" y="92"/>
                    <a:pt x="798" y="93"/>
                  </a:cubicBezTo>
                  <a:cubicBezTo>
                    <a:pt x="797" y="93"/>
                    <a:pt x="797" y="94"/>
                    <a:pt x="796" y="95"/>
                  </a:cubicBezTo>
                  <a:cubicBezTo>
                    <a:pt x="795" y="94"/>
                    <a:pt x="794" y="94"/>
                    <a:pt x="793" y="94"/>
                  </a:cubicBezTo>
                  <a:cubicBezTo>
                    <a:pt x="793" y="93"/>
                    <a:pt x="792" y="92"/>
                    <a:pt x="792" y="92"/>
                  </a:cubicBezTo>
                  <a:cubicBezTo>
                    <a:pt x="790" y="91"/>
                    <a:pt x="789" y="91"/>
                    <a:pt x="788" y="91"/>
                  </a:cubicBezTo>
                  <a:cubicBezTo>
                    <a:pt x="787" y="90"/>
                    <a:pt x="786" y="89"/>
                    <a:pt x="786" y="89"/>
                  </a:cubicBezTo>
                  <a:cubicBezTo>
                    <a:pt x="785" y="88"/>
                    <a:pt x="783" y="89"/>
                    <a:pt x="782" y="89"/>
                  </a:cubicBezTo>
                  <a:cubicBezTo>
                    <a:pt x="782" y="89"/>
                    <a:pt x="782" y="88"/>
                    <a:pt x="781" y="88"/>
                  </a:cubicBezTo>
                  <a:cubicBezTo>
                    <a:pt x="780" y="88"/>
                    <a:pt x="779" y="84"/>
                    <a:pt x="777" y="87"/>
                  </a:cubicBezTo>
                  <a:cubicBezTo>
                    <a:pt x="776" y="87"/>
                    <a:pt x="776" y="85"/>
                    <a:pt x="776" y="84"/>
                  </a:cubicBezTo>
                  <a:cubicBezTo>
                    <a:pt x="771" y="84"/>
                    <a:pt x="771" y="84"/>
                    <a:pt x="771" y="84"/>
                  </a:cubicBezTo>
                  <a:cubicBezTo>
                    <a:pt x="769" y="84"/>
                    <a:pt x="771" y="86"/>
                    <a:pt x="771" y="86"/>
                  </a:cubicBezTo>
                  <a:cubicBezTo>
                    <a:pt x="770" y="87"/>
                    <a:pt x="768" y="88"/>
                    <a:pt x="769" y="90"/>
                  </a:cubicBezTo>
                  <a:cubicBezTo>
                    <a:pt x="765" y="90"/>
                    <a:pt x="764" y="93"/>
                    <a:pt x="759" y="92"/>
                  </a:cubicBezTo>
                  <a:cubicBezTo>
                    <a:pt x="758" y="92"/>
                    <a:pt x="758" y="94"/>
                    <a:pt x="756" y="94"/>
                  </a:cubicBezTo>
                  <a:cubicBezTo>
                    <a:pt x="757" y="95"/>
                    <a:pt x="759" y="94"/>
                    <a:pt x="760" y="95"/>
                  </a:cubicBezTo>
                  <a:cubicBezTo>
                    <a:pt x="761" y="95"/>
                    <a:pt x="762" y="96"/>
                    <a:pt x="763" y="96"/>
                  </a:cubicBezTo>
                  <a:cubicBezTo>
                    <a:pt x="762" y="100"/>
                    <a:pt x="762" y="98"/>
                    <a:pt x="764" y="100"/>
                  </a:cubicBezTo>
                  <a:cubicBezTo>
                    <a:pt x="765" y="102"/>
                    <a:pt x="767" y="103"/>
                    <a:pt x="769" y="104"/>
                  </a:cubicBezTo>
                  <a:cubicBezTo>
                    <a:pt x="769" y="104"/>
                    <a:pt x="766" y="107"/>
                    <a:pt x="766" y="107"/>
                  </a:cubicBezTo>
                  <a:cubicBezTo>
                    <a:pt x="763" y="107"/>
                    <a:pt x="763" y="105"/>
                    <a:pt x="762" y="105"/>
                  </a:cubicBezTo>
                  <a:cubicBezTo>
                    <a:pt x="762" y="105"/>
                    <a:pt x="763" y="107"/>
                    <a:pt x="762" y="107"/>
                  </a:cubicBezTo>
                  <a:cubicBezTo>
                    <a:pt x="759" y="107"/>
                    <a:pt x="754" y="107"/>
                    <a:pt x="751" y="108"/>
                  </a:cubicBezTo>
                  <a:cubicBezTo>
                    <a:pt x="750" y="109"/>
                    <a:pt x="746" y="110"/>
                    <a:pt x="747" y="112"/>
                  </a:cubicBezTo>
                  <a:cubicBezTo>
                    <a:pt x="742" y="111"/>
                    <a:pt x="742" y="114"/>
                    <a:pt x="739" y="115"/>
                  </a:cubicBezTo>
                  <a:cubicBezTo>
                    <a:pt x="738" y="115"/>
                    <a:pt x="738" y="116"/>
                    <a:pt x="737" y="117"/>
                  </a:cubicBezTo>
                  <a:cubicBezTo>
                    <a:pt x="736" y="117"/>
                    <a:pt x="735" y="118"/>
                    <a:pt x="734" y="118"/>
                  </a:cubicBezTo>
                  <a:cubicBezTo>
                    <a:pt x="733" y="118"/>
                    <a:pt x="733" y="120"/>
                    <a:pt x="732" y="120"/>
                  </a:cubicBezTo>
                  <a:cubicBezTo>
                    <a:pt x="729" y="120"/>
                    <a:pt x="724" y="122"/>
                    <a:pt x="723" y="119"/>
                  </a:cubicBezTo>
                  <a:cubicBezTo>
                    <a:pt x="722" y="120"/>
                    <a:pt x="719" y="120"/>
                    <a:pt x="720" y="122"/>
                  </a:cubicBezTo>
                  <a:cubicBezTo>
                    <a:pt x="715" y="123"/>
                    <a:pt x="714" y="123"/>
                    <a:pt x="709" y="122"/>
                  </a:cubicBezTo>
                  <a:cubicBezTo>
                    <a:pt x="708" y="122"/>
                    <a:pt x="708" y="123"/>
                    <a:pt x="707" y="123"/>
                  </a:cubicBezTo>
                  <a:cubicBezTo>
                    <a:pt x="706" y="124"/>
                    <a:pt x="704" y="124"/>
                    <a:pt x="704" y="126"/>
                  </a:cubicBezTo>
                  <a:cubicBezTo>
                    <a:pt x="704" y="129"/>
                    <a:pt x="699" y="128"/>
                    <a:pt x="700" y="132"/>
                  </a:cubicBezTo>
                  <a:cubicBezTo>
                    <a:pt x="699" y="135"/>
                    <a:pt x="702" y="134"/>
                    <a:pt x="704" y="136"/>
                  </a:cubicBezTo>
                  <a:cubicBezTo>
                    <a:pt x="703" y="138"/>
                    <a:pt x="703" y="141"/>
                    <a:pt x="700" y="140"/>
                  </a:cubicBezTo>
                  <a:cubicBezTo>
                    <a:pt x="700" y="142"/>
                    <a:pt x="700" y="143"/>
                    <a:pt x="698" y="143"/>
                  </a:cubicBezTo>
                  <a:cubicBezTo>
                    <a:pt x="698" y="147"/>
                    <a:pt x="698" y="147"/>
                    <a:pt x="698" y="147"/>
                  </a:cubicBezTo>
                  <a:cubicBezTo>
                    <a:pt x="698" y="149"/>
                    <a:pt x="700" y="146"/>
                    <a:pt x="700" y="148"/>
                  </a:cubicBezTo>
                  <a:cubicBezTo>
                    <a:pt x="701" y="150"/>
                    <a:pt x="699" y="149"/>
                    <a:pt x="698" y="150"/>
                  </a:cubicBezTo>
                  <a:cubicBezTo>
                    <a:pt x="698" y="150"/>
                    <a:pt x="697" y="153"/>
                    <a:pt x="697" y="153"/>
                  </a:cubicBezTo>
                  <a:cubicBezTo>
                    <a:pt x="696" y="153"/>
                    <a:pt x="693" y="153"/>
                    <a:pt x="692" y="154"/>
                  </a:cubicBezTo>
                  <a:cubicBezTo>
                    <a:pt x="692" y="154"/>
                    <a:pt x="693" y="157"/>
                    <a:pt x="692" y="158"/>
                  </a:cubicBezTo>
                  <a:cubicBezTo>
                    <a:pt x="691" y="158"/>
                    <a:pt x="692" y="156"/>
                    <a:pt x="691" y="156"/>
                  </a:cubicBezTo>
                  <a:cubicBezTo>
                    <a:pt x="691" y="155"/>
                    <a:pt x="688" y="156"/>
                    <a:pt x="690" y="160"/>
                  </a:cubicBezTo>
                  <a:cubicBezTo>
                    <a:pt x="688" y="160"/>
                    <a:pt x="689" y="162"/>
                    <a:pt x="688" y="162"/>
                  </a:cubicBezTo>
                  <a:cubicBezTo>
                    <a:pt x="688" y="163"/>
                    <a:pt x="687" y="162"/>
                    <a:pt x="687" y="162"/>
                  </a:cubicBezTo>
                  <a:cubicBezTo>
                    <a:pt x="686" y="163"/>
                    <a:pt x="687" y="165"/>
                    <a:pt x="685" y="164"/>
                  </a:cubicBezTo>
                  <a:cubicBezTo>
                    <a:pt x="685" y="166"/>
                    <a:pt x="683" y="166"/>
                    <a:pt x="684" y="168"/>
                  </a:cubicBezTo>
                  <a:cubicBezTo>
                    <a:pt x="682" y="168"/>
                    <a:pt x="680" y="168"/>
                    <a:pt x="680" y="169"/>
                  </a:cubicBezTo>
                  <a:cubicBezTo>
                    <a:pt x="679" y="169"/>
                    <a:pt x="680" y="168"/>
                    <a:pt x="680" y="166"/>
                  </a:cubicBezTo>
                  <a:cubicBezTo>
                    <a:pt x="680" y="166"/>
                    <a:pt x="679" y="166"/>
                    <a:pt x="679" y="165"/>
                  </a:cubicBezTo>
                  <a:cubicBezTo>
                    <a:pt x="679" y="165"/>
                    <a:pt x="679" y="164"/>
                    <a:pt x="679" y="163"/>
                  </a:cubicBezTo>
                  <a:cubicBezTo>
                    <a:pt x="678" y="163"/>
                    <a:pt x="678" y="162"/>
                    <a:pt x="677" y="161"/>
                  </a:cubicBezTo>
                  <a:cubicBezTo>
                    <a:pt x="677" y="161"/>
                    <a:pt x="676" y="160"/>
                    <a:pt x="675" y="160"/>
                  </a:cubicBezTo>
                  <a:cubicBezTo>
                    <a:pt x="676" y="159"/>
                    <a:pt x="676" y="157"/>
                    <a:pt x="676" y="155"/>
                  </a:cubicBezTo>
                  <a:cubicBezTo>
                    <a:pt x="676" y="153"/>
                    <a:pt x="675" y="153"/>
                    <a:pt x="675" y="152"/>
                  </a:cubicBezTo>
                  <a:cubicBezTo>
                    <a:pt x="675" y="148"/>
                    <a:pt x="676" y="144"/>
                    <a:pt x="675" y="141"/>
                  </a:cubicBezTo>
                  <a:cubicBezTo>
                    <a:pt x="679" y="144"/>
                    <a:pt x="676" y="140"/>
                    <a:pt x="677" y="138"/>
                  </a:cubicBezTo>
                  <a:cubicBezTo>
                    <a:pt x="677" y="137"/>
                    <a:pt x="678" y="141"/>
                    <a:pt x="679" y="138"/>
                  </a:cubicBezTo>
                  <a:cubicBezTo>
                    <a:pt x="679" y="138"/>
                    <a:pt x="679" y="137"/>
                    <a:pt x="679" y="137"/>
                  </a:cubicBezTo>
                  <a:cubicBezTo>
                    <a:pt x="680" y="135"/>
                    <a:pt x="684" y="133"/>
                    <a:pt x="685" y="132"/>
                  </a:cubicBezTo>
                  <a:cubicBezTo>
                    <a:pt x="685" y="132"/>
                    <a:pt x="686" y="131"/>
                    <a:pt x="686" y="131"/>
                  </a:cubicBezTo>
                  <a:cubicBezTo>
                    <a:pt x="684" y="130"/>
                    <a:pt x="686" y="130"/>
                    <a:pt x="688" y="130"/>
                  </a:cubicBezTo>
                  <a:cubicBezTo>
                    <a:pt x="689" y="129"/>
                    <a:pt x="690" y="127"/>
                    <a:pt x="689" y="125"/>
                  </a:cubicBezTo>
                  <a:cubicBezTo>
                    <a:pt x="690" y="125"/>
                    <a:pt x="693" y="124"/>
                    <a:pt x="692" y="123"/>
                  </a:cubicBezTo>
                  <a:cubicBezTo>
                    <a:pt x="692" y="123"/>
                    <a:pt x="691" y="123"/>
                    <a:pt x="691" y="123"/>
                  </a:cubicBezTo>
                  <a:cubicBezTo>
                    <a:pt x="691" y="123"/>
                    <a:pt x="692" y="121"/>
                    <a:pt x="692" y="121"/>
                  </a:cubicBezTo>
                  <a:cubicBezTo>
                    <a:pt x="693" y="121"/>
                    <a:pt x="695" y="124"/>
                    <a:pt x="694" y="119"/>
                  </a:cubicBezTo>
                  <a:cubicBezTo>
                    <a:pt x="696" y="119"/>
                    <a:pt x="698" y="119"/>
                    <a:pt x="699" y="118"/>
                  </a:cubicBezTo>
                  <a:cubicBezTo>
                    <a:pt x="699" y="118"/>
                    <a:pt x="700" y="117"/>
                    <a:pt x="700" y="117"/>
                  </a:cubicBezTo>
                  <a:cubicBezTo>
                    <a:pt x="700" y="116"/>
                    <a:pt x="701" y="117"/>
                    <a:pt x="702" y="117"/>
                  </a:cubicBezTo>
                  <a:cubicBezTo>
                    <a:pt x="702" y="116"/>
                    <a:pt x="703" y="115"/>
                    <a:pt x="704" y="115"/>
                  </a:cubicBezTo>
                  <a:cubicBezTo>
                    <a:pt x="704" y="114"/>
                    <a:pt x="705" y="115"/>
                    <a:pt x="705" y="114"/>
                  </a:cubicBezTo>
                  <a:cubicBezTo>
                    <a:pt x="705" y="113"/>
                    <a:pt x="706" y="110"/>
                    <a:pt x="708" y="112"/>
                  </a:cubicBezTo>
                  <a:cubicBezTo>
                    <a:pt x="708" y="107"/>
                    <a:pt x="708" y="107"/>
                    <a:pt x="708" y="107"/>
                  </a:cubicBezTo>
                  <a:cubicBezTo>
                    <a:pt x="705" y="107"/>
                    <a:pt x="704" y="107"/>
                    <a:pt x="703" y="108"/>
                  </a:cubicBezTo>
                  <a:cubicBezTo>
                    <a:pt x="702" y="109"/>
                    <a:pt x="701" y="109"/>
                    <a:pt x="701" y="110"/>
                  </a:cubicBezTo>
                  <a:cubicBezTo>
                    <a:pt x="700" y="110"/>
                    <a:pt x="700" y="110"/>
                    <a:pt x="700" y="111"/>
                  </a:cubicBezTo>
                  <a:cubicBezTo>
                    <a:pt x="700" y="113"/>
                    <a:pt x="696" y="112"/>
                    <a:pt x="696" y="115"/>
                  </a:cubicBezTo>
                  <a:cubicBezTo>
                    <a:pt x="694" y="114"/>
                    <a:pt x="693" y="115"/>
                    <a:pt x="693" y="117"/>
                  </a:cubicBezTo>
                  <a:cubicBezTo>
                    <a:pt x="692" y="117"/>
                    <a:pt x="693" y="115"/>
                    <a:pt x="692" y="115"/>
                  </a:cubicBezTo>
                  <a:cubicBezTo>
                    <a:pt x="692" y="114"/>
                    <a:pt x="691" y="115"/>
                    <a:pt x="690" y="115"/>
                  </a:cubicBezTo>
                  <a:cubicBezTo>
                    <a:pt x="690" y="114"/>
                    <a:pt x="691" y="113"/>
                    <a:pt x="690" y="112"/>
                  </a:cubicBezTo>
                  <a:cubicBezTo>
                    <a:pt x="687" y="112"/>
                    <a:pt x="684" y="111"/>
                    <a:pt x="681" y="112"/>
                  </a:cubicBezTo>
                  <a:cubicBezTo>
                    <a:pt x="680" y="112"/>
                    <a:pt x="681" y="113"/>
                    <a:pt x="680" y="114"/>
                  </a:cubicBezTo>
                  <a:cubicBezTo>
                    <a:pt x="679" y="114"/>
                    <a:pt x="677" y="114"/>
                    <a:pt x="676" y="115"/>
                  </a:cubicBezTo>
                  <a:cubicBezTo>
                    <a:pt x="674" y="116"/>
                    <a:pt x="674" y="116"/>
                    <a:pt x="673" y="117"/>
                  </a:cubicBezTo>
                  <a:cubicBezTo>
                    <a:pt x="672" y="118"/>
                    <a:pt x="672" y="120"/>
                    <a:pt x="670" y="119"/>
                  </a:cubicBezTo>
                  <a:cubicBezTo>
                    <a:pt x="670" y="122"/>
                    <a:pt x="672" y="122"/>
                    <a:pt x="671" y="124"/>
                  </a:cubicBezTo>
                  <a:cubicBezTo>
                    <a:pt x="670" y="125"/>
                    <a:pt x="669" y="125"/>
                    <a:pt x="669" y="127"/>
                  </a:cubicBezTo>
                  <a:cubicBezTo>
                    <a:pt x="665" y="126"/>
                    <a:pt x="664" y="128"/>
                    <a:pt x="661" y="128"/>
                  </a:cubicBezTo>
                  <a:cubicBezTo>
                    <a:pt x="660" y="127"/>
                    <a:pt x="660" y="126"/>
                    <a:pt x="661" y="125"/>
                  </a:cubicBezTo>
                  <a:cubicBezTo>
                    <a:pt x="659" y="125"/>
                    <a:pt x="659" y="124"/>
                    <a:pt x="659" y="123"/>
                  </a:cubicBezTo>
                  <a:cubicBezTo>
                    <a:pt x="657" y="123"/>
                    <a:pt x="655" y="124"/>
                    <a:pt x="655" y="122"/>
                  </a:cubicBezTo>
                  <a:cubicBezTo>
                    <a:pt x="651" y="125"/>
                    <a:pt x="645" y="126"/>
                    <a:pt x="639" y="127"/>
                  </a:cubicBezTo>
                  <a:cubicBezTo>
                    <a:pt x="638" y="126"/>
                    <a:pt x="636" y="126"/>
                    <a:pt x="637" y="123"/>
                  </a:cubicBezTo>
                  <a:cubicBezTo>
                    <a:pt x="633" y="123"/>
                    <a:pt x="633" y="123"/>
                    <a:pt x="633" y="123"/>
                  </a:cubicBezTo>
                  <a:cubicBezTo>
                    <a:pt x="629" y="124"/>
                    <a:pt x="626" y="125"/>
                    <a:pt x="623" y="127"/>
                  </a:cubicBezTo>
                  <a:cubicBezTo>
                    <a:pt x="620" y="128"/>
                    <a:pt x="618" y="131"/>
                    <a:pt x="615" y="132"/>
                  </a:cubicBezTo>
                  <a:cubicBezTo>
                    <a:pt x="615" y="134"/>
                    <a:pt x="615" y="135"/>
                    <a:pt x="613" y="135"/>
                  </a:cubicBezTo>
                  <a:cubicBezTo>
                    <a:pt x="614" y="137"/>
                    <a:pt x="612" y="137"/>
                    <a:pt x="612" y="139"/>
                  </a:cubicBezTo>
                  <a:cubicBezTo>
                    <a:pt x="610" y="138"/>
                    <a:pt x="608" y="143"/>
                    <a:pt x="607" y="142"/>
                  </a:cubicBezTo>
                  <a:cubicBezTo>
                    <a:pt x="605" y="140"/>
                    <a:pt x="607" y="143"/>
                    <a:pt x="604" y="143"/>
                  </a:cubicBezTo>
                  <a:cubicBezTo>
                    <a:pt x="603" y="143"/>
                    <a:pt x="603" y="144"/>
                    <a:pt x="603" y="145"/>
                  </a:cubicBezTo>
                  <a:cubicBezTo>
                    <a:pt x="598" y="144"/>
                    <a:pt x="600" y="148"/>
                    <a:pt x="596" y="148"/>
                  </a:cubicBezTo>
                  <a:cubicBezTo>
                    <a:pt x="597" y="149"/>
                    <a:pt x="599" y="153"/>
                    <a:pt x="600" y="151"/>
                  </a:cubicBezTo>
                  <a:cubicBezTo>
                    <a:pt x="601" y="151"/>
                    <a:pt x="600" y="153"/>
                    <a:pt x="601" y="155"/>
                  </a:cubicBezTo>
                  <a:cubicBezTo>
                    <a:pt x="602" y="154"/>
                    <a:pt x="603" y="156"/>
                    <a:pt x="604" y="156"/>
                  </a:cubicBezTo>
                  <a:cubicBezTo>
                    <a:pt x="604" y="156"/>
                    <a:pt x="606" y="154"/>
                    <a:pt x="607" y="155"/>
                  </a:cubicBezTo>
                  <a:cubicBezTo>
                    <a:pt x="608" y="155"/>
                    <a:pt x="609" y="156"/>
                    <a:pt x="608" y="156"/>
                  </a:cubicBezTo>
                  <a:cubicBezTo>
                    <a:pt x="610" y="155"/>
                    <a:pt x="610" y="153"/>
                    <a:pt x="611" y="155"/>
                  </a:cubicBezTo>
                  <a:cubicBezTo>
                    <a:pt x="612" y="155"/>
                    <a:pt x="612" y="154"/>
                    <a:pt x="612" y="153"/>
                  </a:cubicBezTo>
                  <a:cubicBezTo>
                    <a:pt x="614" y="153"/>
                    <a:pt x="614" y="160"/>
                    <a:pt x="616" y="157"/>
                  </a:cubicBezTo>
                  <a:cubicBezTo>
                    <a:pt x="618" y="156"/>
                    <a:pt x="615" y="161"/>
                    <a:pt x="619" y="159"/>
                  </a:cubicBezTo>
                  <a:cubicBezTo>
                    <a:pt x="619" y="161"/>
                    <a:pt x="617" y="160"/>
                    <a:pt x="617" y="160"/>
                  </a:cubicBezTo>
                  <a:cubicBezTo>
                    <a:pt x="617" y="161"/>
                    <a:pt x="618" y="163"/>
                    <a:pt x="618" y="164"/>
                  </a:cubicBezTo>
                  <a:cubicBezTo>
                    <a:pt x="618" y="165"/>
                    <a:pt x="617" y="164"/>
                    <a:pt x="617" y="165"/>
                  </a:cubicBezTo>
                  <a:cubicBezTo>
                    <a:pt x="617" y="166"/>
                    <a:pt x="616" y="166"/>
                    <a:pt x="616" y="167"/>
                  </a:cubicBezTo>
                  <a:cubicBezTo>
                    <a:pt x="615" y="170"/>
                    <a:pt x="617" y="176"/>
                    <a:pt x="614" y="173"/>
                  </a:cubicBezTo>
                  <a:cubicBezTo>
                    <a:pt x="615" y="181"/>
                    <a:pt x="611" y="185"/>
                    <a:pt x="609" y="191"/>
                  </a:cubicBezTo>
                  <a:cubicBezTo>
                    <a:pt x="608" y="192"/>
                    <a:pt x="608" y="191"/>
                    <a:pt x="606" y="191"/>
                  </a:cubicBezTo>
                  <a:cubicBezTo>
                    <a:pt x="606" y="192"/>
                    <a:pt x="607" y="193"/>
                    <a:pt x="606" y="194"/>
                  </a:cubicBezTo>
                  <a:cubicBezTo>
                    <a:pt x="606" y="195"/>
                    <a:pt x="604" y="194"/>
                    <a:pt x="604" y="195"/>
                  </a:cubicBezTo>
                  <a:cubicBezTo>
                    <a:pt x="603" y="195"/>
                    <a:pt x="604" y="196"/>
                    <a:pt x="604" y="197"/>
                  </a:cubicBezTo>
                  <a:cubicBezTo>
                    <a:pt x="603" y="197"/>
                    <a:pt x="602" y="196"/>
                    <a:pt x="602" y="197"/>
                  </a:cubicBezTo>
                  <a:cubicBezTo>
                    <a:pt x="601" y="197"/>
                    <a:pt x="602" y="198"/>
                    <a:pt x="603" y="198"/>
                  </a:cubicBezTo>
                  <a:cubicBezTo>
                    <a:pt x="602" y="199"/>
                    <a:pt x="600" y="199"/>
                    <a:pt x="600" y="200"/>
                  </a:cubicBezTo>
                  <a:cubicBezTo>
                    <a:pt x="599" y="200"/>
                    <a:pt x="599" y="202"/>
                    <a:pt x="599" y="202"/>
                  </a:cubicBezTo>
                  <a:cubicBezTo>
                    <a:pt x="598" y="203"/>
                    <a:pt x="597" y="203"/>
                    <a:pt x="596" y="203"/>
                  </a:cubicBezTo>
                  <a:cubicBezTo>
                    <a:pt x="595" y="204"/>
                    <a:pt x="596" y="205"/>
                    <a:pt x="595" y="206"/>
                  </a:cubicBezTo>
                  <a:cubicBezTo>
                    <a:pt x="595" y="207"/>
                    <a:pt x="593" y="206"/>
                    <a:pt x="593" y="206"/>
                  </a:cubicBezTo>
                  <a:cubicBezTo>
                    <a:pt x="593" y="206"/>
                    <a:pt x="593" y="209"/>
                    <a:pt x="592" y="208"/>
                  </a:cubicBezTo>
                  <a:cubicBezTo>
                    <a:pt x="591" y="207"/>
                    <a:pt x="590" y="207"/>
                    <a:pt x="590" y="210"/>
                  </a:cubicBezTo>
                  <a:cubicBezTo>
                    <a:pt x="585" y="211"/>
                    <a:pt x="586" y="210"/>
                    <a:pt x="581" y="210"/>
                  </a:cubicBezTo>
                  <a:cubicBezTo>
                    <a:pt x="581" y="211"/>
                    <a:pt x="577" y="213"/>
                    <a:pt x="579" y="213"/>
                  </a:cubicBezTo>
                  <a:cubicBezTo>
                    <a:pt x="580" y="215"/>
                    <a:pt x="572" y="213"/>
                    <a:pt x="576" y="215"/>
                  </a:cubicBezTo>
                  <a:cubicBezTo>
                    <a:pt x="576" y="216"/>
                    <a:pt x="574" y="216"/>
                    <a:pt x="574" y="215"/>
                  </a:cubicBezTo>
                  <a:cubicBezTo>
                    <a:pt x="572" y="217"/>
                    <a:pt x="573" y="219"/>
                    <a:pt x="573" y="222"/>
                  </a:cubicBezTo>
                  <a:cubicBezTo>
                    <a:pt x="570" y="223"/>
                    <a:pt x="571" y="223"/>
                    <a:pt x="568" y="222"/>
                  </a:cubicBezTo>
                  <a:cubicBezTo>
                    <a:pt x="569" y="224"/>
                    <a:pt x="569" y="224"/>
                    <a:pt x="567" y="224"/>
                  </a:cubicBezTo>
                  <a:cubicBezTo>
                    <a:pt x="567" y="226"/>
                    <a:pt x="568" y="234"/>
                    <a:pt x="569" y="232"/>
                  </a:cubicBezTo>
                  <a:cubicBezTo>
                    <a:pt x="571" y="232"/>
                    <a:pt x="569" y="240"/>
                    <a:pt x="572" y="240"/>
                  </a:cubicBezTo>
                  <a:cubicBezTo>
                    <a:pt x="574" y="240"/>
                    <a:pt x="572" y="243"/>
                    <a:pt x="574" y="243"/>
                  </a:cubicBezTo>
                  <a:cubicBezTo>
                    <a:pt x="574" y="244"/>
                    <a:pt x="573" y="245"/>
                    <a:pt x="573" y="245"/>
                  </a:cubicBezTo>
                  <a:cubicBezTo>
                    <a:pt x="572" y="246"/>
                    <a:pt x="571" y="244"/>
                    <a:pt x="571" y="244"/>
                  </a:cubicBezTo>
                  <a:cubicBezTo>
                    <a:pt x="570" y="245"/>
                    <a:pt x="571" y="246"/>
                    <a:pt x="570" y="246"/>
                  </a:cubicBezTo>
                  <a:cubicBezTo>
                    <a:pt x="569" y="247"/>
                    <a:pt x="568" y="246"/>
                    <a:pt x="567" y="246"/>
                  </a:cubicBezTo>
                  <a:cubicBezTo>
                    <a:pt x="565" y="247"/>
                    <a:pt x="562" y="249"/>
                    <a:pt x="561" y="247"/>
                  </a:cubicBezTo>
                  <a:cubicBezTo>
                    <a:pt x="560" y="245"/>
                    <a:pt x="561" y="245"/>
                    <a:pt x="562" y="243"/>
                  </a:cubicBezTo>
                  <a:cubicBezTo>
                    <a:pt x="562" y="241"/>
                    <a:pt x="560" y="239"/>
                    <a:pt x="562" y="238"/>
                  </a:cubicBezTo>
                  <a:cubicBezTo>
                    <a:pt x="562" y="236"/>
                    <a:pt x="559" y="237"/>
                    <a:pt x="561" y="234"/>
                  </a:cubicBezTo>
                  <a:cubicBezTo>
                    <a:pt x="559" y="233"/>
                    <a:pt x="557" y="235"/>
                    <a:pt x="555" y="232"/>
                  </a:cubicBezTo>
                  <a:cubicBezTo>
                    <a:pt x="554" y="229"/>
                    <a:pt x="558" y="231"/>
                    <a:pt x="557" y="227"/>
                  </a:cubicBezTo>
                  <a:cubicBezTo>
                    <a:pt x="557" y="226"/>
                    <a:pt x="556" y="227"/>
                    <a:pt x="556" y="227"/>
                  </a:cubicBezTo>
                  <a:cubicBezTo>
                    <a:pt x="555" y="227"/>
                    <a:pt x="555" y="226"/>
                    <a:pt x="554" y="225"/>
                  </a:cubicBezTo>
                  <a:cubicBezTo>
                    <a:pt x="553" y="225"/>
                    <a:pt x="552" y="224"/>
                    <a:pt x="552" y="223"/>
                  </a:cubicBezTo>
                  <a:cubicBezTo>
                    <a:pt x="551" y="224"/>
                    <a:pt x="550" y="224"/>
                    <a:pt x="549" y="224"/>
                  </a:cubicBezTo>
                  <a:cubicBezTo>
                    <a:pt x="548" y="225"/>
                    <a:pt x="549" y="225"/>
                    <a:pt x="549" y="225"/>
                  </a:cubicBezTo>
                  <a:cubicBezTo>
                    <a:pt x="549" y="228"/>
                    <a:pt x="547" y="223"/>
                    <a:pt x="547" y="227"/>
                  </a:cubicBezTo>
                  <a:cubicBezTo>
                    <a:pt x="545" y="225"/>
                    <a:pt x="545" y="229"/>
                    <a:pt x="541" y="227"/>
                  </a:cubicBezTo>
                  <a:cubicBezTo>
                    <a:pt x="544" y="225"/>
                    <a:pt x="542" y="224"/>
                    <a:pt x="544" y="222"/>
                  </a:cubicBezTo>
                  <a:cubicBezTo>
                    <a:pt x="546" y="220"/>
                    <a:pt x="540" y="221"/>
                    <a:pt x="540" y="222"/>
                  </a:cubicBezTo>
                  <a:cubicBezTo>
                    <a:pt x="539" y="225"/>
                    <a:pt x="538" y="222"/>
                    <a:pt x="539" y="222"/>
                  </a:cubicBezTo>
                  <a:cubicBezTo>
                    <a:pt x="537" y="222"/>
                    <a:pt x="538" y="224"/>
                    <a:pt x="536" y="224"/>
                  </a:cubicBezTo>
                  <a:cubicBezTo>
                    <a:pt x="535" y="224"/>
                    <a:pt x="533" y="226"/>
                    <a:pt x="533" y="226"/>
                  </a:cubicBezTo>
                  <a:cubicBezTo>
                    <a:pt x="532" y="227"/>
                    <a:pt x="532" y="227"/>
                    <a:pt x="532" y="228"/>
                  </a:cubicBezTo>
                  <a:cubicBezTo>
                    <a:pt x="528" y="228"/>
                    <a:pt x="529" y="228"/>
                    <a:pt x="525" y="228"/>
                  </a:cubicBezTo>
                  <a:cubicBezTo>
                    <a:pt x="526" y="228"/>
                    <a:pt x="526" y="231"/>
                    <a:pt x="526" y="231"/>
                  </a:cubicBezTo>
                  <a:cubicBezTo>
                    <a:pt x="527" y="231"/>
                    <a:pt x="528" y="231"/>
                    <a:pt x="529" y="231"/>
                  </a:cubicBezTo>
                  <a:cubicBezTo>
                    <a:pt x="529" y="231"/>
                    <a:pt x="529" y="233"/>
                    <a:pt x="529" y="233"/>
                  </a:cubicBezTo>
                  <a:cubicBezTo>
                    <a:pt x="529" y="233"/>
                    <a:pt x="531" y="233"/>
                    <a:pt x="532" y="233"/>
                  </a:cubicBezTo>
                  <a:cubicBezTo>
                    <a:pt x="532" y="233"/>
                    <a:pt x="532" y="235"/>
                    <a:pt x="532" y="235"/>
                  </a:cubicBezTo>
                  <a:cubicBezTo>
                    <a:pt x="533" y="236"/>
                    <a:pt x="534" y="235"/>
                    <a:pt x="535" y="236"/>
                  </a:cubicBezTo>
                  <a:cubicBezTo>
                    <a:pt x="536" y="236"/>
                    <a:pt x="535" y="234"/>
                    <a:pt x="537" y="234"/>
                  </a:cubicBezTo>
                  <a:cubicBezTo>
                    <a:pt x="541" y="234"/>
                    <a:pt x="543" y="234"/>
                    <a:pt x="543" y="238"/>
                  </a:cubicBezTo>
                  <a:cubicBezTo>
                    <a:pt x="542" y="239"/>
                    <a:pt x="540" y="239"/>
                    <a:pt x="539" y="238"/>
                  </a:cubicBezTo>
                  <a:cubicBezTo>
                    <a:pt x="538" y="239"/>
                    <a:pt x="537" y="240"/>
                    <a:pt x="538" y="243"/>
                  </a:cubicBezTo>
                  <a:cubicBezTo>
                    <a:pt x="536" y="242"/>
                    <a:pt x="536" y="243"/>
                    <a:pt x="537" y="243"/>
                  </a:cubicBezTo>
                  <a:cubicBezTo>
                    <a:pt x="536" y="245"/>
                    <a:pt x="534" y="244"/>
                    <a:pt x="533" y="244"/>
                  </a:cubicBezTo>
                  <a:cubicBezTo>
                    <a:pt x="534" y="248"/>
                    <a:pt x="538" y="249"/>
                    <a:pt x="538" y="254"/>
                  </a:cubicBezTo>
                  <a:cubicBezTo>
                    <a:pt x="540" y="251"/>
                    <a:pt x="539" y="253"/>
                    <a:pt x="541" y="255"/>
                  </a:cubicBezTo>
                  <a:cubicBezTo>
                    <a:pt x="540" y="258"/>
                    <a:pt x="541" y="263"/>
                    <a:pt x="540" y="265"/>
                  </a:cubicBezTo>
                  <a:cubicBezTo>
                    <a:pt x="541" y="268"/>
                    <a:pt x="542" y="271"/>
                    <a:pt x="541" y="275"/>
                  </a:cubicBezTo>
                  <a:cubicBezTo>
                    <a:pt x="538" y="273"/>
                    <a:pt x="540" y="279"/>
                    <a:pt x="539" y="278"/>
                  </a:cubicBezTo>
                  <a:cubicBezTo>
                    <a:pt x="537" y="277"/>
                    <a:pt x="538" y="278"/>
                    <a:pt x="538" y="279"/>
                  </a:cubicBezTo>
                  <a:cubicBezTo>
                    <a:pt x="537" y="280"/>
                    <a:pt x="535" y="279"/>
                    <a:pt x="536" y="283"/>
                  </a:cubicBezTo>
                  <a:cubicBezTo>
                    <a:pt x="533" y="281"/>
                    <a:pt x="535" y="286"/>
                    <a:pt x="532" y="285"/>
                  </a:cubicBezTo>
                  <a:cubicBezTo>
                    <a:pt x="535" y="287"/>
                    <a:pt x="528" y="288"/>
                    <a:pt x="529" y="289"/>
                  </a:cubicBezTo>
                  <a:cubicBezTo>
                    <a:pt x="531" y="291"/>
                    <a:pt x="529" y="289"/>
                    <a:pt x="527" y="291"/>
                  </a:cubicBezTo>
                  <a:cubicBezTo>
                    <a:pt x="526" y="292"/>
                    <a:pt x="527" y="293"/>
                    <a:pt x="526" y="294"/>
                  </a:cubicBezTo>
                  <a:cubicBezTo>
                    <a:pt x="526" y="294"/>
                    <a:pt x="525" y="294"/>
                    <a:pt x="524" y="294"/>
                  </a:cubicBezTo>
                  <a:cubicBezTo>
                    <a:pt x="524" y="294"/>
                    <a:pt x="525" y="296"/>
                    <a:pt x="524" y="296"/>
                  </a:cubicBezTo>
                  <a:cubicBezTo>
                    <a:pt x="523" y="297"/>
                    <a:pt x="521" y="295"/>
                    <a:pt x="521" y="298"/>
                  </a:cubicBezTo>
                  <a:cubicBezTo>
                    <a:pt x="515" y="298"/>
                    <a:pt x="516" y="299"/>
                    <a:pt x="510" y="298"/>
                  </a:cubicBezTo>
                  <a:cubicBezTo>
                    <a:pt x="509" y="298"/>
                    <a:pt x="509" y="300"/>
                    <a:pt x="509" y="301"/>
                  </a:cubicBezTo>
                  <a:cubicBezTo>
                    <a:pt x="507" y="299"/>
                    <a:pt x="504" y="303"/>
                    <a:pt x="503" y="303"/>
                  </a:cubicBezTo>
                  <a:cubicBezTo>
                    <a:pt x="502" y="301"/>
                    <a:pt x="503" y="304"/>
                    <a:pt x="499" y="304"/>
                  </a:cubicBezTo>
                  <a:cubicBezTo>
                    <a:pt x="498" y="304"/>
                    <a:pt x="500" y="305"/>
                    <a:pt x="499" y="306"/>
                  </a:cubicBezTo>
                  <a:cubicBezTo>
                    <a:pt x="496" y="308"/>
                    <a:pt x="495" y="304"/>
                    <a:pt x="493" y="304"/>
                  </a:cubicBezTo>
                  <a:cubicBezTo>
                    <a:pt x="490" y="303"/>
                    <a:pt x="489" y="305"/>
                    <a:pt x="487" y="305"/>
                  </a:cubicBezTo>
                  <a:cubicBezTo>
                    <a:pt x="486" y="305"/>
                    <a:pt x="485" y="307"/>
                    <a:pt x="485" y="308"/>
                  </a:cubicBezTo>
                  <a:cubicBezTo>
                    <a:pt x="482" y="308"/>
                    <a:pt x="482" y="310"/>
                    <a:pt x="480" y="310"/>
                  </a:cubicBezTo>
                  <a:cubicBezTo>
                    <a:pt x="480" y="313"/>
                    <a:pt x="482" y="312"/>
                    <a:pt x="482" y="314"/>
                  </a:cubicBezTo>
                  <a:cubicBezTo>
                    <a:pt x="482" y="315"/>
                    <a:pt x="482" y="316"/>
                    <a:pt x="483" y="316"/>
                  </a:cubicBezTo>
                  <a:cubicBezTo>
                    <a:pt x="484" y="316"/>
                    <a:pt x="484" y="317"/>
                    <a:pt x="484" y="318"/>
                  </a:cubicBezTo>
                  <a:cubicBezTo>
                    <a:pt x="485" y="319"/>
                    <a:pt x="486" y="318"/>
                    <a:pt x="487" y="319"/>
                  </a:cubicBezTo>
                  <a:cubicBezTo>
                    <a:pt x="487" y="319"/>
                    <a:pt x="487" y="320"/>
                    <a:pt x="487" y="321"/>
                  </a:cubicBezTo>
                  <a:cubicBezTo>
                    <a:pt x="487" y="321"/>
                    <a:pt x="489" y="320"/>
                    <a:pt x="489" y="321"/>
                  </a:cubicBezTo>
                  <a:cubicBezTo>
                    <a:pt x="490" y="322"/>
                    <a:pt x="490" y="324"/>
                    <a:pt x="491" y="326"/>
                  </a:cubicBezTo>
                  <a:cubicBezTo>
                    <a:pt x="492" y="327"/>
                    <a:pt x="494" y="328"/>
                    <a:pt x="494" y="328"/>
                  </a:cubicBezTo>
                  <a:cubicBezTo>
                    <a:pt x="494" y="329"/>
                    <a:pt x="494" y="331"/>
                    <a:pt x="494" y="332"/>
                  </a:cubicBezTo>
                  <a:cubicBezTo>
                    <a:pt x="494" y="334"/>
                    <a:pt x="495" y="334"/>
                    <a:pt x="495" y="336"/>
                  </a:cubicBezTo>
                  <a:cubicBezTo>
                    <a:pt x="495" y="338"/>
                    <a:pt x="494" y="338"/>
                    <a:pt x="494" y="339"/>
                  </a:cubicBezTo>
                  <a:cubicBezTo>
                    <a:pt x="493" y="341"/>
                    <a:pt x="494" y="343"/>
                    <a:pt x="492" y="341"/>
                  </a:cubicBezTo>
                  <a:cubicBezTo>
                    <a:pt x="493" y="344"/>
                    <a:pt x="489" y="343"/>
                    <a:pt x="490" y="346"/>
                  </a:cubicBezTo>
                  <a:cubicBezTo>
                    <a:pt x="486" y="344"/>
                    <a:pt x="487" y="348"/>
                    <a:pt x="484" y="348"/>
                  </a:cubicBezTo>
                  <a:cubicBezTo>
                    <a:pt x="483" y="347"/>
                    <a:pt x="484" y="349"/>
                    <a:pt x="483" y="349"/>
                  </a:cubicBezTo>
                  <a:cubicBezTo>
                    <a:pt x="483" y="350"/>
                    <a:pt x="481" y="350"/>
                    <a:pt x="481" y="350"/>
                  </a:cubicBezTo>
                  <a:cubicBezTo>
                    <a:pt x="482" y="351"/>
                    <a:pt x="482" y="351"/>
                    <a:pt x="481" y="351"/>
                  </a:cubicBezTo>
                  <a:cubicBezTo>
                    <a:pt x="481" y="352"/>
                    <a:pt x="480" y="353"/>
                    <a:pt x="478" y="353"/>
                  </a:cubicBezTo>
                  <a:cubicBezTo>
                    <a:pt x="480" y="348"/>
                    <a:pt x="477" y="353"/>
                    <a:pt x="477" y="350"/>
                  </a:cubicBezTo>
                  <a:cubicBezTo>
                    <a:pt x="477" y="349"/>
                    <a:pt x="476" y="348"/>
                    <a:pt x="475" y="347"/>
                  </a:cubicBezTo>
                  <a:cubicBezTo>
                    <a:pt x="474" y="346"/>
                    <a:pt x="473" y="347"/>
                    <a:pt x="473" y="347"/>
                  </a:cubicBezTo>
                  <a:cubicBezTo>
                    <a:pt x="472" y="346"/>
                    <a:pt x="473" y="345"/>
                    <a:pt x="473" y="345"/>
                  </a:cubicBezTo>
                  <a:cubicBezTo>
                    <a:pt x="472" y="344"/>
                    <a:pt x="469" y="344"/>
                    <a:pt x="469" y="344"/>
                  </a:cubicBezTo>
                  <a:cubicBezTo>
                    <a:pt x="469" y="343"/>
                    <a:pt x="469" y="342"/>
                    <a:pt x="469" y="342"/>
                  </a:cubicBezTo>
                  <a:cubicBezTo>
                    <a:pt x="468" y="341"/>
                    <a:pt x="467" y="342"/>
                    <a:pt x="466" y="342"/>
                  </a:cubicBezTo>
                  <a:cubicBezTo>
                    <a:pt x="465" y="342"/>
                    <a:pt x="466" y="339"/>
                    <a:pt x="465" y="339"/>
                  </a:cubicBezTo>
                  <a:cubicBezTo>
                    <a:pt x="465" y="339"/>
                    <a:pt x="464" y="340"/>
                    <a:pt x="464" y="340"/>
                  </a:cubicBezTo>
                  <a:cubicBezTo>
                    <a:pt x="462" y="338"/>
                    <a:pt x="463" y="338"/>
                    <a:pt x="461" y="336"/>
                  </a:cubicBezTo>
                  <a:cubicBezTo>
                    <a:pt x="458" y="335"/>
                    <a:pt x="459" y="339"/>
                    <a:pt x="458" y="341"/>
                  </a:cubicBezTo>
                  <a:cubicBezTo>
                    <a:pt x="458" y="341"/>
                    <a:pt x="457" y="342"/>
                    <a:pt x="457" y="342"/>
                  </a:cubicBezTo>
                  <a:cubicBezTo>
                    <a:pt x="456" y="344"/>
                    <a:pt x="457" y="346"/>
                    <a:pt x="456" y="348"/>
                  </a:cubicBezTo>
                  <a:cubicBezTo>
                    <a:pt x="456" y="348"/>
                    <a:pt x="457" y="349"/>
                    <a:pt x="457" y="350"/>
                  </a:cubicBezTo>
                  <a:cubicBezTo>
                    <a:pt x="457" y="351"/>
                    <a:pt x="458" y="353"/>
                    <a:pt x="458" y="351"/>
                  </a:cubicBezTo>
                  <a:cubicBezTo>
                    <a:pt x="461" y="354"/>
                    <a:pt x="460" y="355"/>
                    <a:pt x="459" y="358"/>
                  </a:cubicBezTo>
                  <a:cubicBezTo>
                    <a:pt x="460" y="359"/>
                    <a:pt x="460" y="359"/>
                    <a:pt x="460" y="360"/>
                  </a:cubicBezTo>
                  <a:cubicBezTo>
                    <a:pt x="461" y="360"/>
                    <a:pt x="462" y="361"/>
                    <a:pt x="462" y="362"/>
                  </a:cubicBezTo>
                  <a:cubicBezTo>
                    <a:pt x="464" y="363"/>
                    <a:pt x="465" y="363"/>
                    <a:pt x="467" y="365"/>
                  </a:cubicBezTo>
                  <a:cubicBezTo>
                    <a:pt x="468" y="365"/>
                    <a:pt x="467" y="366"/>
                    <a:pt x="468" y="366"/>
                  </a:cubicBezTo>
                  <a:cubicBezTo>
                    <a:pt x="469" y="366"/>
                    <a:pt x="469" y="367"/>
                    <a:pt x="469" y="368"/>
                  </a:cubicBezTo>
                  <a:cubicBezTo>
                    <a:pt x="469" y="369"/>
                    <a:pt x="470" y="368"/>
                    <a:pt x="471" y="369"/>
                  </a:cubicBezTo>
                  <a:cubicBezTo>
                    <a:pt x="471" y="369"/>
                    <a:pt x="471" y="371"/>
                    <a:pt x="471" y="372"/>
                  </a:cubicBezTo>
                  <a:cubicBezTo>
                    <a:pt x="471" y="373"/>
                    <a:pt x="473" y="374"/>
                    <a:pt x="473" y="374"/>
                  </a:cubicBezTo>
                  <a:cubicBezTo>
                    <a:pt x="473" y="375"/>
                    <a:pt x="470" y="378"/>
                    <a:pt x="474" y="378"/>
                  </a:cubicBezTo>
                  <a:cubicBezTo>
                    <a:pt x="473" y="380"/>
                    <a:pt x="472" y="379"/>
                    <a:pt x="470" y="379"/>
                  </a:cubicBezTo>
                  <a:cubicBezTo>
                    <a:pt x="469" y="379"/>
                    <a:pt x="466" y="379"/>
                    <a:pt x="465" y="378"/>
                  </a:cubicBezTo>
                  <a:cubicBezTo>
                    <a:pt x="465" y="378"/>
                    <a:pt x="466" y="374"/>
                    <a:pt x="464" y="377"/>
                  </a:cubicBezTo>
                  <a:cubicBezTo>
                    <a:pt x="462" y="376"/>
                    <a:pt x="463" y="374"/>
                    <a:pt x="462" y="372"/>
                  </a:cubicBezTo>
                  <a:cubicBezTo>
                    <a:pt x="462" y="371"/>
                    <a:pt x="460" y="371"/>
                    <a:pt x="459" y="369"/>
                  </a:cubicBezTo>
                  <a:cubicBezTo>
                    <a:pt x="459" y="368"/>
                    <a:pt x="459" y="367"/>
                    <a:pt x="460" y="367"/>
                  </a:cubicBezTo>
                  <a:cubicBezTo>
                    <a:pt x="459" y="365"/>
                    <a:pt x="458" y="362"/>
                    <a:pt x="456" y="361"/>
                  </a:cubicBezTo>
                  <a:cubicBezTo>
                    <a:pt x="456" y="359"/>
                    <a:pt x="454" y="358"/>
                    <a:pt x="456" y="358"/>
                  </a:cubicBezTo>
                  <a:cubicBezTo>
                    <a:pt x="455" y="357"/>
                    <a:pt x="454" y="357"/>
                    <a:pt x="453" y="356"/>
                  </a:cubicBezTo>
                  <a:cubicBezTo>
                    <a:pt x="453" y="355"/>
                    <a:pt x="453" y="353"/>
                    <a:pt x="452" y="353"/>
                  </a:cubicBezTo>
                  <a:cubicBezTo>
                    <a:pt x="451" y="351"/>
                    <a:pt x="452" y="351"/>
                    <a:pt x="453" y="349"/>
                  </a:cubicBezTo>
                  <a:cubicBezTo>
                    <a:pt x="453" y="348"/>
                    <a:pt x="452" y="347"/>
                    <a:pt x="451" y="347"/>
                  </a:cubicBezTo>
                  <a:cubicBezTo>
                    <a:pt x="451" y="346"/>
                    <a:pt x="452" y="345"/>
                    <a:pt x="451" y="345"/>
                  </a:cubicBezTo>
                  <a:cubicBezTo>
                    <a:pt x="451" y="343"/>
                    <a:pt x="453" y="344"/>
                    <a:pt x="455" y="344"/>
                  </a:cubicBezTo>
                  <a:cubicBezTo>
                    <a:pt x="454" y="343"/>
                    <a:pt x="454" y="343"/>
                    <a:pt x="454" y="342"/>
                  </a:cubicBezTo>
                  <a:cubicBezTo>
                    <a:pt x="454" y="341"/>
                    <a:pt x="455" y="341"/>
                    <a:pt x="455" y="340"/>
                  </a:cubicBezTo>
                  <a:cubicBezTo>
                    <a:pt x="454" y="339"/>
                    <a:pt x="453" y="337"/>
                    <a:pt x="453" y="335"/>
                  </a:cubicBezTo>
                  <a:cubicBezTo>
                    <a:pt x="452" y="333"/>
                    <a:pt x="453" y="331"/>
                    <a:pt x="453" y="329"/>
                  </a:cubicBezTo>
                  <a:cubicBezTo>
                    <a:pt x="452" y="328"/>
                    <a:pt x="451" y="328"/>
                    <a:pt x="451" y="327"/>
                  </a:cubicBezTo>
                  <a:cubicBezTo>
                    <a:pt x="450" y="327"/>
                    <a:pt x="450" y="325"/>
                    <a:pt x="450" y="325"/>
                  </a:cubicBezTo>
                  <a:cubicBezTo>
                    <a:pt x="449" y="323"/>
                    <a:pt x="448" y="322"/>
                    <a:pt x="447" y="321"/>
                  </a:cubicBezTo>
                  <a:cubicBezTo>
                    <a:pt x="444" y="320"/>
                    <a:pt x="446" y="324"/>
                    <a:pt x="443" y="322"/>
                  </a:cubicBezTo>
                  <a:cubicBezTo>
                    <a:pt x="442" y="322"/>
                    <a:pt x="443" y="324"/>
                    <a:pt x="442" y="325"/>
                  </a:cubicBezTo>
                  <a:cubicBezTo>
                    <a:pt x="442" y="325"/>
                    <a:pt x="441" y="324"/>
                    <a:pt x="440" y="325"/>
                  </a:cubicBezTo>
                  <a:cubicBezTo>
                    <a:pt x="440" y="325"/>
                    <a:pt x="441" y="327"/>
                    <a:pt x="439" y="327"/>
                  </a:cubicBezTo>
                  <a:cubicBezTo>
                    <a:pt x="437" y="327"/>
                    <a:pt x="437" y="326"/>
                    <a:pt x="436" y="324"/>
                  </a:cubicBezTo>
                  <a:cubicBezTo>
                    <a:pt x="436" y="323"/>
                    <a:pt x="436" y="323"/>
                    <a:pt x="436" y="323"/>
                  </a:cubicBezTo>
                  <a:cubicBezTo>
                    <a:pt x="435" y="321"/>
                    <a:pt x="436" y="321"/>
                    <a:pt x="436" y="321"/>
                  </a:cubicBezTo>
                  <a:cubicBezTo>
                    <a:pt x="437" y="320"/>
                    <a:pt x="434" y="316"/>
                    <a:pt x="436" y="314"/>
                  </a:cubicBezTo>
                  <a:cubicBezTo>
                    <a:pt x="436" y="313"/>
                    <a:pt x="434" y="312"/>
                    <a:pt x="435" y="308"/>
                  </a:cubicBezTo>
                  <a:cubicBezTo>
                    <a:pt x="434" y="308"/>
                    <a:pt x="434" y="310"/>
                    <a:pt x="434" y="310"/>
                  </a:cubicBezTo>
                  <a:cubicBezTo>
                    <a:pt x="432" y="310"/>
                    <a:pt x="433" y="306"/>
                    <a:pt x="432" y="305"/>
                  </a:cubicBezTo>
                  <a:cubicBezTo>
                    <a:pt x="431" y="304"/>
                    <a:pt x="430" y="303"/>
                    <a:pt x="430" y="303"/>
                  </a:cubicBezTo>
                  <a:cubicBezTo>
                    <a:pt x="429" y="302"/>
                    <a:pt x="429" y="301"/>
                    <a:pt x="429" y="301"/>
                  </a:cubicBezTo>
                  <a:cubicBezTo>
                    <a:pt x="428" y="300"/>
                    <a:pt x="425" y="300"/>
                    <a:pt x="426" y="298"/>
                  </a:cubicBezTo>
                  <a:cubicBezTo>
                    <a:pt x="423" y="298"/>
                    <a:pt x="422" y="300"/>
                    <a:pt x="420" y="301"/>
                  </a:cubicBezTo>
                  <a:cubicBezTo>
                    <a:pt x="419" y="301"/>
                    <a:pt x="418" y="301"/>
                    <a:pt x="417" y="302"/>
                  </a:cubicBezTo>
                  <a:cubicBezTo>
                    <a:pt x="411" y="302"/>
                    <a:pt x="411" y="302"/>
                    <a:pt x="411" y="302"/>
                  </a:cubicBezTo>
                  <a:cubicBezTo>
                    <a:pt x="410" y="302"/>
                    <a:pt x="409" y="303"/>
                    <a:pt x="409" y="304"/>
                  </a:cubicBezTo>
                  <a:cubicBezTo>
                    <a:pt x="408" y="304"/>
                    <a:pt x="408" y="303"/>
                    <a:pt x="408" y="305"/>
                  </a:cubicBezTo>
                  <a:cubicBezTo>
                    <a:pt x="408" y="306"/>
                    <a:pt x="406" y="306"/>
                    <a:pt x="405" y="306"/>
                  </a:cubicBezTo>
                  <a:cubicBezTo>
                    <a:pt x="403" y="308"/>
                    <a:pt x="401" y="312"/>
                    <a:pt x="397" y="313"/>
                  </a:cubicBezTo>
                  <a:cubicBezTo>
                    <a:pt x="395" y="315"/>
                    <a:pt x="394" y="319"/>
                    <a:pt x="391" y="319"/>
                  </a:cubicBezTo>
                  <a:cubicBezTo>
                    <a:pt x="392" y="321"/>
                    <a:pt x="392" y="321"/>
                    <a:pt x="389" y="321"/>
                  </a:cubicBezTo>
                  <a:cubicBezTo>
                    <a:pt x="389" y="322"/>
                    <a:pt x="389" y="322"/>
                    <a:pt x="390" y="323"/>
                  </a:cubicBezTo>
                  <a:cubicBezTo>
                    <a:pt x="389" y="324"/>
                    <a:pt x="388" y="324"/>
                    <a:pt x="388" y="323"/>
                  </a:cubicBezTo>
                  <a:cubicBezTo>
                    <a:pt x="386" y="323"/>
                    <a:pt x="387" y="326"/>
                    <a:pt x="384" y="325"/>
                  </a:cubicBezTo>
                  <a:cubicBezTo>
                    <a:pt x="383" y="325"/>
                    <a:pt x="383" y="327"/>
                    <a:pt x="381" y="327"/>
                  </a:cubicBezTo>
                  <a:cubicBezTo>
                    <a:pt x="381" y="328"/>
                    <a:pt x="382" y="328"/>
                    <a:pt x="382" y="329"/>
                  </a:cubicBezTo>
                  <a:cubicBezTo>
                    <a:pt x="382" y="331"/>
                    <a:pt x="381" y="334"/>
                    <a:pt x="380" y="337"/>
                  </a:cubicBezTo>
                  <a:cubicBezTo>
                    <a:pt x="379" y="341"/>
                    <a:pt x="380" y="346"/>
                    <a:pt x="379" y="348"/>
                  </a:cubicBezTo>
                  <a:cubicBezTo>
                    <a:pt x="379" y="348"/>
                    <a:pt x="378" y="347"/>
                    <a:pt x="377" y="348"/>
                  </a:cubicBezTo>
                  <a:cubicBezTo>
                    <a:pt x="377" y="348"/>
                    <a:pt x="377" y="351"/>
                    <a:pt x="376" y="351"/>
                  </a:cubicBezTo>
                  <a:cubicBezTo>
                    <a:pt x="375" y="352"/>
                    <a:pt x="374" y="352"/>
                    <a:pt x="373" y="352"/>
                  </a:cubicBezTo>
                  <a:cubicBezTo>
                    <a:pt x="372" y="353"/>
                    <a:pt x="372" y="355"/>
                    <a:pt x="370" y="354"/>
                  </a:cubicBezTo>
                  <a:cubicBezTo>
                    <a:pt x="367" y="352"/>
                    <a:pt x="366" y="349"/>
                    <a:pt x="365" y="345"/>
                  </a:cubicBezTo>
                  <a:cubicBezTo>
                    <a:pt x="364" y="344"/>
                    <a:pt x="364" y="343"/>
                    <a:pt x="363" y="343"/>
                  </a:cubicBezTo>
                  <a:cubicBezTo>
                    <a:pt x="363" y="342"/>
                    <a:pt x="362" y="342"/>
                    <a:pt x="361" y="342"/>
                  </a:cubicBezTo>
                  <a:cubicBezTo>
                    <a:pt x="360" y="339"/>
                    <a:pt x="363" y="339"/>
                    <a:pt x="363" y="337"/>
                  </a:cubicBezTo>
                  <a:cubicBezTo>
                    <a:pt x="363" y="335"/>
                    <a:pt x="361" y="334"/>
                    <a:pt x="360" y="333"/>
                  </a:cubicBezTo>
                  <a:cubicBezTo>
                    <a:pt x="359" y="332"/>
                    <a:pt x="359" y="331"/>
                    <a:pt x="357" y="330"/>
                  </a:cubicBezTo>
                  <a:cubicBezTo>
                    <a:pt x="357" y="329"/>
                    <a:pt x="357" y="326"/>
                    <a:pt x="355" y="325"/>
                  </a:cubicBezTo>
                  <a:cubicBezTo>
                    <a:pt x="354" y="323"/>
                    <a:pt x="354" y="316"/>
                    <a:pt x="353" y="311"/>
                  </a:cubicBezTo>
                  <a:cubicBezTo>
                    <a:pt x="353" y="309"/>
                    <a:pt x="352" y="303"/>
                    <a:pt x="352" y="300"/>
                  </a:cubicBezTo>
                  <a:cubicBezTo>
                    <a:pt x="350" y="300"/>
                    <a:pt x="347" y="304"/>
                    <a:pt x="350" y="305"/>
                  </a:cubicBezTo>
                  <a:cubicBezTo>
                    <a:pt x="349" y="307"/>
                    <a:pt x="346" y="305"/>
                    <a:pt x="345" y="305"/>
                  </a:cubicBezTo>
                  <a:cubicBezTo>
                    <a:pt x="344" y="304"/>
                    <a:pt x="343" y="305"/>
                    <a:pt x="343" y="305"/>
                  </a:cubicBezTo>
                  <a:cubicBezTo>
                    <a:pt x="342" y="304"/>
                    <a:pt x="341" y="300"/>
                    <a:pt x="339" y="302"/>
                  </a:cubicBezTo>
                  <a:cubicBezTo>
                    <a:pt x="339" y="300"/>
                    <a:pt x="340" y="300"/>
                    <a:pt x="341" y="300"/>
                  </a:cubicBezTo>
                  <a:cubicBezTo>
                    <a:pt x="340" y="299"/>
                    <a:pt x="341" y="298"/>
                    <a:pt x="341" y="297"/>
                  </a:cubicBezTo>
                  <a:cubicBezTo>
                    <a:pt x="341" y="295"/>
                    <a:pt x="338" y="297"/>
                    <a:pt x="337" y="296"/>
                  </a:cubicBezTo>
                  <a:cubicBezTo>
                    <a:pt x="336" y="296"/>
                    <a:pt x="335" y="291"/>
                    <a:pt x="334" y="294"/>
                  </a:cubicBezTo>
                  <a:cubicBezTo>
                    <a:pt x="332" y="294"/>
                    <a:pt x="333" y="291"/>
                    <a:pt x="333" y="291"/>
                  </a:cubicBezTo>
                  <a:cubicBezTo>
                    <a:pt x="333" y="290"/>
                    <a:pt x="331" y="290"/>
                    <a:pt x="332" y="288"/>
                  </a:cubicBezTo>
                  <a:cubicBezTo>
                    <a:pt x="331" y="288"/>
                    <a:pt x="328" y="289"/>
                    <a:pt x="328" y="288"/>
                  </a:cubicBezTo>
                  <a:cubicBezTo>
                    <a:pt x="328" y="288"/>
                    <a:pt x="328" y="286"/>
                    <a:pt x="328" y="286"/>
                  </a:cubicBezTo>
                  <a:cubicBezTo>
                    <a:pt x="325" y="286"/>
                    <a:pt x="324" y="287"/>
                    <a:pt x="322" y="287"/>
                  </a:cubicBezTo>
                  <a:cubicBezTo>
                    <a:pt x="321" y="287"/>
                    <a:pt x="321" y="288"/>
                    <a:pt x="320" y="287"/>
                  </a:cubicBezTo>
                  <a:cubicBezTo>
                    <a:pt x="319" y="287"/>
                    <a:pt x="318" y="286"/>
                    <a:pt x="318" y="288"/>
                  </a:cubicBezTo>
                  <a:cubicBezTo>
                    <a:pt x="309" y="289"/>
                    <a:pt x="302" y="288"/>
                    <a:pt x="295" y="286"/>
                  </a:cubicBezTo>
                  <a:cubicBezTo>
                    <a:pt x="296" y="284"/>
                    <a:pt x="293" y="285"/>
                    <a:pt x="293" y="284"/>
                  </a:cubicBezTo>
                  <a:cubicBezTo>
                    <a:pt x="293" y="282"/>
                    <a:pt x="289" y="285"/>
                    <a:pt x="291" y="282"/>
                  </a:cubicBezTo>
                  <a:cubicBezTo>
                    <a:pt x="290" y="282"/>
                    <a:pt x="290" y="281"/>
                    <a:pt x="290" y="281"/>
                  </a:cubicBezTo>
                  <a:cubicBezTo>
                    <a:pt x="287" y="282"/>
                    <a:pt x="280" y="280"/>
                    <a:pt x="277" y="280"/>
                  </a:cubicBezTo>
                  <a:cubicBezTo>
                    <a:pt x="276" y="279"/>
                    <a:pt x="275" y="280"/>
                    <a:pt x="275" y="278"/>
                  </a:cubicBezTo>
                  <a:cubicBezTo>
                    <a:pt x="271" y="279"/>
                    <a:pt x="272" y="275"/>
                    <a:pt x="268" y="275"/>
                  </a:cubicBezTo>
                  <a:cubicBezTo>
                    <a:pt x="268" y="271"/>
                    <a:pt x="266" y="269"/>
                    <a:pt x="265" y="266"/>
                  </a:cubicBezTo>
                  <a:cubicBezTo>
                    <a:pt x="256" y="265"/>
                    <a:pt x="256" y="269"/>
                    <a:pt x="257" y="274"/>
                  </a:cubicBezTo>
                  <a:cubicBezTo>
                    <a:pt x="257" y="276"/>
                    <a:pt x="261" y="277"/>
                    <a:pt x="264" y="281"/>
                  </a:cubicBezTo>
                  <a:cubicBezTo>
                    <a:pt x="264" y="281"/>
                    <a:pt x="266" y="287"/>
                    <a:pt x="268" y="285"/>
                  </a:cubicBezTo>
                  <a:cubicBezTo>
                    <a:pt x="268" y="288"/>
                    <a:pt x="270" y="288"/>
                    <a:pt x="269" y="290"/>
                  </a:cubicBezTo>
                  <a:cubicBezTo>
                    <a:pt x="272" y="290"/>
                    <a:pt x="277" y="289"/>
                    <a:pt x="274" y="292"/>
                  </a:cubicBezTo>
                  <a:cubicBezTo>
                    <a:pt x="276" y="293"/>
                    <a:pt x="275" y="291"/>
                    <a:pt x="276" y="290"/>
                  </a:cubicBezTo>
                  <a:cubicBezTo>
                    <a:pt x="277" y="290"/>
                    <a:pt x="280" y="290"/>
                    <a:pt x="280" y="288"/>
                  </a:cubicBezTo>
                  <a:cubicBezTo>
                    <a:pt x="280" y="287"/>
                    <a:pt x="281" y="288"/>
                    <a:pt x="282" y="287"/>
                  </a:cubicBezTo>
                  <a:cubicBezTo>
                    <a:pt x="283" y="287"/>
                    <a:pt x="282" y="286"/>
                    <a:pt x="283" y="285"/>
                  </a:cubicBezTo>
                  <a:cubicBezTo>
                    <a:pt x="284" y="285"/>
                    <a:pt x="287" y="285"/>
                    <a:pt x="289" y="285"/>
                  </a:cubicBezTo>
                  <a:cubicBezTo>
                    <a:pt x="289" y="285"/>
                    <a:pt x="287" y="286"/>
                    <a:pt x="288" y="286"/>
                  </a:cubicBezTo>
                  <a:cubicBezTo>
                    <a:pt x="288" y="287"/>
                    <a:pt x="289" y="286"/>
                    <a:pt x="290" y="286"/>
                  </a:cubicBezTo>
                  <a:cubicBezTo>
                    <a:pt x="290" y="288"/>
                    <a:pt x="289" y="289"/>
                    <a:pt x="290" y="290"/>
                  </a:cubicBezTo>
                  <a:cubicBezTo>
                    <a:pt x="290" y="292"/>
                    <a:pt x="293" y="291"/>
                    <a:pt x="293" y="293"/>
                  </a:cubicBezTo>
                  <a:cubicBezTo>
                    <a:pt x="293" y="295"/>
                    <a:pt x="295" y="294"/>
                    <a:pt x="297" y="295"/>
                  </a:cubicBezTo>
                  <a:cubicBezTo>
                    <a:pt x="299" y="296"/>
                    <a:pt x="298" y="297"/>
                    <a:pt x="300" y="298"/>
                  </a:cubicBezTo>
                  <a:cubicBezTo>
                    <a:pt x="298" y="300"/>
                    <a:pt x="300" y="303"/>
                    <a:pt x="300" y="306"/>
                  </a:cubicBezTo>
                  <a:cubicBezTo>
                    <a:pt x="297" y="306"/>
                    <a:pt x="297" y="306"/>
                    <a:pt x="297" y="306"/>
                  </a:cubicBezTo>
                  <a:cubicBezTo>
                    <a:pt x="298" y="309"/>
                    <a:pt x="295" y="308"/>
                    <a:pt x="295" y="311"/>
                  </a:cubicBezTo>
                  <a:cubicBezTo>
                    <a:pt x="293" y="311"/>
                    <a:pt x="292" y="311"/>
                    <a:pt x="292" y="313"/>
                  </a:cubicBezTo>
                  <a:cubicBezTo>
                    <a:pt x="289" y="313"/>
                    <a:pt x="289" y="313"/>
                    <a:pt x="289" y="313"/>
                  </a:cubicBezTo>
                  <a:cubicBezTo>
                    <a:pt x="287" y="313"/>
                    <a:pt x="288" y="315"/>
                    <a:pt x="288" y="316"/>
                  </a:cubicBezTo>
                  <a:cubicBezTo>
                    <a:pt x="287" y="316"/>
                    <a:pt x="286" y="316"/>
                    <a:pt x="286" y="316"/>
                  </a:cubicBezTo>
                  <a:cubicBezTo>
                    <a:pt x="285" y="316"/>
                    <a:pt x="286" y="318"/>
                    <a:pt x="286" y="319"/>
                  </a:cubicBezTo>
                  <a:cubicBezTo>
                    <a:pt x="284" y="319"/>
                    <a:pt x="283" y="319"/>
                    <a:pt x="283" y="321"/>
                  </a:cubicBezTo>
                  <a:cubicBezTo>
                    <a:pt x="281" y="321"/>
                    <a:pt x="280" y="321"/>
                    <a:pt x="279" y="322"/>
                  </a:cubicBezTo>
                  <a:cubicBezTo>
                    <a:pt x="277" y="323"/>
                    <a:pt x="278" y="323"/>
                    <a:pt x="275" y="324"/>
                  </a:cubicBezTo>
                  <a:cubicBezTo>
                    <a:pt x="274" y="324"/>
                    <a:pt x="269" y="325"/>
                    <a:pt x="269" y="328"/>
                  </a:cubicBezTo>
                  <a:cubicBezTo>
                    <a:pt x="268" y="329"/>
                    <a:pt x="267" y="328"/>
                    <a:pt x="266" y="328"/>
                  </a:cubicBezTo>
                  <a:cubicBezTo>
                    <a:pt x="265" y="329"/>
                    <a:pt x="265" y="330"/>
                    <a:pt x="265" y="330"/>
                  </a:cubicBezTo>
                  <a:cubicBezTo>
                    <a:pt x="264" y="331"/>
                    <a:pt x="263" y="330"/>
                    <a:pt x="263" y="330"/>
                  </a:cubicBezTo>
                  <a:cubicBezTo>
                    <a:pt x="263" y="330"/>
                    <a:pt x="260" y="331"/>
                    <a:pt x="260" y="331"/>
                  </a:cubicBezTo>
                  <a:cubicBezTo>
                    <a:pt x="258" y="333"/>
                    <a:pt x="251" y="332"/>
                    <a:pt x="248" y="334"/>
                  </a:cubicBezTo>
                  <a:cubicBezTo>
                    <a:pt x="244" y="335"/>
                    <a:pt x="250" y="336"/>
                    <a:pt x="246" y="336"/>
                  </a:cubicBezTo>
                  <a:cubicBezTo>
                    <a:pt x="245" y="336"/>
                    <a:pt x="244" y="336"/>
                    <a:pt x="244" y="336"/>
                  </a:cubicBezTo>
                  <a:cubicBezTo>
                    <a:pt x="243" y="336"/>
                    <a:pt x="243" y="338"/>
                    <a:pt x="241" y="338"/>
                  </a:cubicBezTo>
                  <a:cubicBezTo>
                    <a:pt x="242" y="336"/>
                    <a:pt x="239" y="337"/>
                    <a:pt x="239" y="336"/>
                  </a:cubicBezTo>
                  <a:cubicBezTo>
                    <a:pt x="238" y="335"/>
                    <a:pt x="240" y="332"/>
                    <a:pt x="237" y="332"/>
                  </a:cubicBezTo>
                  <a:cubicBezTo>
                    <a:pt x="237" y="331"/>
                    <a:pt x="238" y="331"/>
                    <a:pt x="238" y="329"/>
                  </a:cubicBezTo>
                  <a:cubicBezTo>
                    <a:pt x="237" y="328"/>
                    <a:pt x="235" y="328"/>
                    <a:pt x="237" y="327"/>
                  </a:cubicBezTo>
                  <a:cubicBezTo>
                    <a:pt x="237" y="326"/>
                    <a:pt x="236" y="326"/>
                    <a:pt x="234" y="326"/>
                  </a:cubicBezTo>
                  <a:cubicBezTo>
                    <a:pt x="235" y="323"/>
                    <a:pt x="232" y="320"/>
                    <a:pt x="234" y="320"/>
                  </a:cubicBezTo>
                  <a:cubicBezTo>
                    <a:pt x="234" y="319"/>
                    <a:pt x="233" y="319"/>
                    <a:pt x="232" y="319"/>
                  </a:cubicBezTo>
                  <a:cubicBezTo>
                    <a:pt x="231" y="318"/>
                    <a:pt x="232" y="316"/>
                    <a:pt x="232" y="316"/>
                  </a:cubicBezTo>
                  <a:cubicBezTo>
                    <a:pt x="232" y="315"/>
                    <a:pt x="231" y="315"/>
                    <a:pt x="230" y="314"/>
                  </a:cubicBezTo>
                  <a:cubicBezTo>
                    <a:pt x="230" y="314"/>
                    <a:pt x="230" y="313"/>
                    <a:pt x="229" y="313"/>
                  </a:cubicBezTo>
                  <a:cubicBezTo>
                    <a:pt x="229" y="313"/>
                    <a:pt x="228" y="310"/>
                    <a:pt x="227" y="310"/>
                  </a:cubicBezTo>
                  <a:cubicBezTo>
                    <a:pt x="227" y="310"/>
                    <a:pt x="227" y="311"/>
                    <a:pt x="227" y="311"/>
                  </a:cubicBezTo>
                  <a:cubicBezTo>
                    <a:pt x="225" y="310"/>
                    <a:pt x="226" y="307"/>
                    <a:pt x="223" y="306"/>
                  </a:cubicBezTo>
                  <a:cubicBezTo>
                    <a:pt x="225" y="303"/>
                    <a:pt x="220" y="302"/>
                    <a:pt x="221" y="297"/>
                  </a:cubicBezTo>
                  <a:cubicBezTo>
                    <a:pt x="221" y="296"/>
                    <a:pt x="219" y="296"/>
                    <a:pt x="219" y="295"/>
                  </a:cubicBezTo>
                  <a:cubicBezTo>
                    <a:pt x="219" y="293"/>
                    <a:pt x="216" y="294"/>
                    <a:pt x="215" y="293"/>
                  </a:cubicBezTo>
                  <a:cubicBezTo>
                    <a:pt x="216" y="292"/>
                    <a:pt x="216" y="291"/>
                    <a:pt x="214" y="291"/>
                  </a:cubicBezTo>
                  <a:cubicBezTo>
                    <a:pt x="215" y="290"/>
                    <a:pt x="215" y="289"/>
                    <a:pt x="214" y="286"/>
                  </a:cubicBezTo>
                  <a:cubicBezTo>
                    <a:pt x="214" y="286"/>
                    <a:pt x="214" y="285"/>
                    <a:pt x="214" y="285"/>
                  </a:cubicBezTo>
                  <a:cubicBezTo>
                    <a:pt x="214" y="284"/>
                    <a:pt x="213" y="285"/>
                    <a:pt x="213" y="285"/>
                  </a:cubicBezTo>
                  <a:cubicBezTo>
                    <a:pt x="213" y="282"/>
                    <a:pt x="215" y="283"/>
                    <a:pt x="213" y="281"/>
                  </a:cubicBezTo>
                  <a:cubicBezTo>
                    <a:pt x="212" y="280"/>
                    <a:pt x="212" y="286"/>
                    <a:pt x="211" y="281"/>
                  </a:cubicBezTo>
                  <a:cubicBezTo>
                    <a:pt x="211" y="277"/>
                    <a:pt x="208" y="275"/>
                    <a:pt x="205" y="271"/>
                  </a:cubicBezTo>
                  <a:cubicBezTo>
                    <a:pt x="202" y="273"/>
                    <a:pt x="204" y="274"/>
                    <a:pt x="203" y="277"/>
                  </a:cubicBezTo>
                  <a:cubicBezTo>
                    <a:pt x="201" y="277"/>
                    <a:pt x="201" y="275"/>
                    <a:pt x="200" y="275"/>
                  </a:cubicBezTo>
                  <a:cubicBezTo>
                    <a:pt x="198" y="275"/>
                    <a:pt x="198" y="274"/>
                    <a:pt x="197" y="274"/>
                  </a:cubicBezTo>
                  <a:cubicBezTo>
                    <a:pt x="199" y="275"/>
                    <a:pt x="198" y="280"/>
                    <a:pt x="201" y="280"/>
                  </a:cubicBezTo>
                  <a:cubicBezTo>
                    <a:pt x="199" y="282"/>
                    <a:pt x="201" y="285"/>
                    <a:pt x="203" y="288"/>
                  </a:cubicBezTo>
                  <a:cubicBezTo>
                    <a:pt x="203" y="289"/>
                    <a:pt x="202" y="290"/>
                    <a:pt x="203" y="290"/>
                  </a:cubicBezTo>
                  <a:cubicBezTo>
                    <a:pt x="204" y="291"/>
                    <a:pt x="204" y="296"/>
                    <a:pt x="206" y="298"/>
                  </a:cubicBezTo>
                  <a:cubicBezTo>
                    <a:pt x="209" y="298"/>
                    <a:pt x="209" y="298"/>
                    <a:pt x="209" y="298"/>
                  </a:cubicBezTo>
                  <a:cubicBezTo>
                    <a:pt x="209" y="299"/>
                    <a:pt x="208" y="299"/>
                    <a:pt x="208" y="301"/>
                  </a:cubicBezTo>
                  <a:cubicBezTo>
                    <a:pt x="209" y="301"/>
                    <a:pt x="210" y="301"/>
                    <a:pt x="210" y="300"/>
                  </a:cubicBezTo>
                  <a:cubicBezTo>
                    <a:pt x="212" y="301"/>
                    <a:pt x="211" y="303"/>
                    <a:pt x="212" y="305"/>
                  </a:cubicBezTo>
                  <a:cubicBezTo>
                    <a:pt x="212" y="305"/>
                    <a:pt x="214" y="305"/>
                    <a:pt x="214" y="306"/>
                  </a:cubicBezTo>
                  <a:cubicBezTo>
                    <a:pt x="214" y="306"/>
                    <a:pt x="214" y="307"/>
                    <a:pt x="214" y="307"/>
                  </a:cubicBezTo>
                  <a:cubicBezTo>
                    <a:pt x="214" y="308"/>
                    <a:pt x="215" y="307"/>
                    <a:pt x="215" y="307"/>
                  </a:cubicBezTo>
                  <a:cubicBezTo>
                    <a:pt x="215" y="308"/>
                    <a:pt x="214" y="309"/>
                    <a:pt x="214" y="309"/>
                  </a:cubicBezTo>
                  <a:cubicBezTo>
                    <a:pt x="215" y="310"/>
                    <a:pt x="215" y="310"/>
                    <a:pt x="216" y="311"/>
                  </a:cubicBezTo>
                  <a:cubicBezTo>
                    <a:pt x="216" y="312"/>
                    <a:pt x="216" y="313"/>
                    <a:pt x="216" y="313"/>
                  </a:cubicBezTo>
                  <a:cubicBezTo>
                    <a:pt x="216" y="313"/>
                    <a:pt x="217" y="313"/>
                    <a:pt x="217" y="313"/>
                  </a:cubicBezTo>
                  <a:cubicBezTo>
                    <a:pt x="217" y="314"/>
                    <a:pt x="216" y="318"/>
                    <a:pt x="219" y="317"/>
                  </a:cubicBezTo>
                  <a:cubicBezTo>
                    <a:pt x="219" y="319"/>
                    <a:pt x="219" y="321"/>
                    <a:pt x="220" y="323"/>
                  </a:cubicBezTo>
                  <a:cubicBezTo>
                    <a:pt x="220" y="323"/>
                    <a:pt x="221" y="324"/>
                    <a:pt x="222" y="325"/>
                  </a:cubicBezTo>
                  <a:cubicBezTo>
                    <a:pt x="222" y="325"/>
                    <a:pt x="222" y="327"/>
                    <a:pt x="223" y="327"/>
                  </a:cubicBezTo>
                  <a:cubicBezTo>
                    <a:pt x="223" y="328"/>
                    <a:pt x="224" y="328"/>
                    <a:pt x="225" y="328"/>
                  </a:cubicBezTo>
                  <a:cubicBezTo>
                    <a:pt x="225" y="329"/>
                    <a:pt x="224" y="331"/>
                    <a:pt x="226" y="331"/>
                  </a:cubicBezTo>
                  <a:cubicBezTo>
                    <a:pt x="227" y="331"/>
                    <a:pt x="226" y="334"/>
                    <a:pt x="227" y="335"/>
                  </a:cubicBezTo>
                  <a:cubicBezTo>
                    <a:pt x="230" y="333"/>
                    <a:pt x="229" y="337"/>
                    <a:pt x="234" y="336"/>
                  </a:cubicBezTo>
                  <a:cubicBezTo>
                    <a:pt x="234" y="339"/>
                    <a:pt x="236" y="340"/>
                    <a:pt x="236" y="343"/>
                  </a:cubicBezTo>
                  <a:cubicBezTo>
                    <a:pt x="239" y="348"/>
                    <a:pt x="251" y="346"/>
                    <a:pt x="258" y="346"/>
                  </a:cubicBezTo>
                  <a:cubicBezTo>
                    <a:pt x="259" y="346"/>
                    <a:pt x="259" y="344"/>
                    <a:pt x="259" y="344"/>
                  </a:cubicBezTo>
                  <a:cubicBezTo>
                    <a:pt x="261" y="343"/>
                    <a:pt x="265" y="345"/>
                    <a:pt x="265" y="342"/>
                  </a:cubicBezTo>
                  <a:cubicBezTo>
                    <a:pt x="267" y="343"/>
                    <a:pt x="266" y="345"/>
                    <a:pt x="266" y="347"/>
                  </a:cubicBezTo>
                  <a:cubicBezTo>
                    <a:pt x="266" y="347"/>
                    <a:pt x="265" y="348"/>
                    <a:pt x="265" y="348"/>
                  </a:cubicBezTo>
                  <a:cubicBezTo>
                    <a:pt x="264" y="349"/>
                    <a:pt x="265" y="351"/>
                    <a:pt x="265" y="353"/>
                  </a:cubicBezTo>
                  <a:cubicBezTo>
                    <a:pt x="265" y="353"/>
                    <a:pt x="263" y="353"/>
                    <a:pt x="263" y="353"/>
                  </a:cubicBezTo>
                  <a:cubicBezTo>
                    <a:pt x="263" y="354"/>
                    <a:pt x="263" y="358"/>
                    <a:pt x="262" y="359"/>
                  </a:cubicBezTo>
                  <a:cubicBezTo>
                    <a:pt x="261" y="360"/>
                    <a:pt x="259" y="360"/>
                    <a:pt x="260" y="364"/>
                  </a:cubicBezTo>
                  <a:cubicBezTo>
                    <a:pt x="257" y="364"/>
                    <a:pt x="259" y="369"/>
                    <a:pt x="255" y="369"/>
                  </a:cubicBezTo>
                  <a:cubicBezTo>
                    <a:pt x="256" y="371"/>
                    <a:pt x="254" y="372"/>
                    <a:pt x="254" y="374"/>
                  </a:cubicBezTo>
                  <a:cubicBezTo>
                    <a:pt x="251" y="373"/>
                    <a:pt x="253" y="378"/>
                    <a:pt x="249" y="377"/>
                  </a:cubicBezTo>
                  <a:cubicBezTo>
                    <a:pt x="249" y="380"/>
                    <a:pt x="249" y="380"/>
                    <a:pt x="249" y="380"/>
                  </a:cubicBezTo>
                  <a:cubicBezTo>
                    <a:pt x="249" y="380"/>
                    <a:pt x="248" y="379"/>
                    <a:pt x="248" y="379"/>
                  </a:cubicBezTo>
                  <a:cubicBezTo>
                    <a:pt x="245" y="380"/>
                    <a:pt x="247" y="381"/>
                    <a:pt x="244" y="382"/>
                  </a:cubicBezTo>
                  <a:cubicBezTo>
                    <a:pt x="244" y="382"/>
                    <a:pt x="241" y="383"/>
                    <a:pt x="241" y="383"/>
                  </a:cubicBezTo>
                  <a:cubicBezTo>
                    <a:pt x="241" y="383"/>
                    <a:pt x="241" y="384"/>
                    <a:pt x="241" y="384"/>
                  </a:cubicBezTo>
                  <a:cubicBezTo>
                    <a:pt x="240" y="384"/>
                    <a:pt x="238" y="385"/>
                    <a:pt x="237" y="386"/>
                  </a:cubicBezTo>
                  <a:cubicBezTo>
                    <a:pt x="235" y="387"/>
                    <a:pt x="234" y="391"/>
                    <a:pt x="230" y="390"/>
                  </a:cubicBezTo>
                  <a:cubicBezTo>
                    <a:pt x="231" y="393"/>
                    <a:pt x="229" y="393"/>
                    <a:pt x="229" y="395"/>
                  </a:cubicBezTo>
                  <a:cubicBezTo>
                    <a:pt x="228" y="396"/>
                    <a:pt x="228" y="396"/>
                    <a:pt x="227" y="395"/>
                  </a:cubicBezTo>
                  <a:cubicBezTo>
                    <a:pt x="227" y="396"/>
                    <a:pt x="225" y="398"/>
                    <a:pt x="226" y="398"/>
                  </a:cubicBezTo>
                  <a:cubicBezTo>
                    <a:pt x="227" y="400"/>
                    <a:pt x="225" y="398"/>
                    <a:pt x="225" y="401"/>
                  </a:cubicBezTo>
                  <a:cubicBezTo>
                    <a:pt x="225" y="402"/>
                    <a:pt x="223" y="401"/>
                    <a:pt x="223" y="402"/>
                  </a:cubicBezTo>
                  <a:cubicBezTo>
                    <a:pt x="222" y="402"/>
                    <a:pt x="223" y="403"/>
                    <a:pt x="223" y="404"/>
                  </a:cubicBezTo>
                  <a:cubicBezTo>
                    <a:pt x="222" y="405"/>
                    <a:pt x="220" y="412"/>
                    <a:pt x="221" y="414"/>
                  </a:cubicBezTo>
                  <a:cubicBezTo>
                    <a:pt x="221" y="416"/>
                    <a:pt x="222" y="417"/>
                    <a:pt x="223" y="418"/>
                  </a:cubicBezTo>
                  <a:cubicBezTo>
                    <a:pt x="223" y="421"/>
                    <a:pt x="222" y="422"/>
                    <a:pt x="223" y="424"/>
                  </a:cubicBezTo>
                  <a:cubicBezTo>
                    <a:pt x="223" y="424"/>
                    <a:pt x="224" y="428"/>
                    <a:pt x="225" y="428"/>
                  </a:cubicBezTo>
                  <a:cubicBezTo>
                    <a:pt x="227" y="428"/>
                    <a:pt x="222" y="432"/>
                    <a:pt x="227" y="432"/>
                  </a:cubicBezTo>
                  <a:cubicBezTo>
                    <a:pt x="226" y="437"/>
                    <a:pt x="227" y="441"/>
                    <a:pt x="227" y="445"/>
                  </a:cubicBezTo>
                  <a:cubicBezTo>
                    <a:pt x="226" y="448"/>
                    <a:pt x="223" y="450"/>
                    <a:pt x="224" y="453"/>
                  </a:cubicBezTo>
                  <a:cubicBezTo>
                    <a:pt x="221" y="453"/>
                    <a:pt x="218" y="455"/>
                    <a:pt x="217" y="456"/>
                  </a:cubicBezTo>
                  <a:cubicBezTo>
                    <a:pt x="216" y="457"/>
                    <a:pt x="216" y="457"/>
                    <a:pt x="217" y="457"/>
                  </a:cubicBezTo>
                  <a:cubicBezTo>
                    <a:pt x="217" y="459"/>
                    <a:pt x="215" y="458"/>
                    <a:pt x="214" y="458"/>
                  </a:cubicBezTo>
                  <a:cubicBezTo>
                    <a:pt x="213" y="459"/>
                    <a:pt x="214" y="460"/>
                    <a:pt x="213" y="460"/>
                  </a:cubicBezTo>
                  <a:cubicBezTo>
                    <a:pt x="213" y="460"/>
                    <a:pt x="211" y="458"/>
                    <a:pt x="211" y="460"/>
                  </a:cubicBezTo>
                  <a:cubicBezTo>
                    <a:pt x="211" y="461"/>
                    <a:pt x="210" y="461"/>
                    <a:pt x="209" y="461"/>
                  </a:cubicBezTo>
                  <a:cubicBezTo>
                    <a:pt x="208" y="462"/>
                    <a:pt x="208" y="464"/>
                    <a:pt x="206" y="464"/>
                  </a:cubicBezTo>
                  <a:cubicBezTo>
                    <a:pt x="204" y="469"/>
                    <a:pt x="206" y="477"/>
                    <a:pt x="206" y="485"/>
                  </a:cubicBezTo>
                  <a:cubicBezTo>
                    <a:pt x="206" y="486"/>
                    <a:pt x="205" y="486"/>
                    <a:pt x="205" y="485"/>
                  </a:cubicBezTo>
                  <a:cubicBezTo>
                    <a:pt x="203" y="485"/>
                    <a:pt x="204" y="487"/>
                    <a:pt x="204" y="487"/>
                  </a:cubicBezTo>
                  <a:cubicBezTo>
                    <a:pt x="203" y="488"/>
                    <a:pt x="201" y="486"/>
                    <a:pt x="201" y="488"/>
                  </a:cubicBezTo>
                  <a:cubicBezTo>
                    <a:pt x="201" y="489"/>
                    <a:pt x="197" y="489"/>
                    <a:pt x="196" y="491"/>
                  </a:cubicBezTo>
                  <a:cubicBezTo>
                    <a:pt x="196" y="496"/>
                    <a:pt x="196" y="496"/>
                    <a:pt x="196" y="496"/>
                  </a:cubicBezTo>
                  <a:cubicBezTo>
                    <a:pt x="194" y="497"/>
                    <a:pt x="195" y="500"/>
                    <a:pt x="194" y="501"/>
                  </a:cubicBezTo>
                  <a:cubicBezTo>
                    <a:pt x="194" y="502"/>
                    <a:pt x="192" y="502"/>
                    <a:pt x="192" y="502"/>
                  </a:cubicBezTo>
                  <a:cubicBezTo>
                    <a:pt x="191" y="504"/>
                    <a:pt x="192" y="506"/>
                    <a:pt x="190" y="507"/>
                  </a:cubicBezTo>
                  <a:cubicBezTo>
                    <a:pt x="190" y="507"/>
                    <a:pt x="190" y="508"/>
                    <a:pt x="190" y="509"/>
                  </a:cubicBezTo>
                  <a:cubicBezTo>
                    <a:pt x="190" y="509"/>
                    <a:pt x="188" y="509"/>
                    <a:pt x="188" y="509"/>
                  </a:cubicBezTo>
                  <a:cubicBezTo>
                    <a:pt x="188" y="509"/>
                    <a:pt x="189" y="511"/>
                    <a:pt x="188" y="512"/>
                  </a:cubicBezTo>
                  <a:cubicBezTo>
                    <a:pt x="188" y="512"/>
                    <a:pt x="187" y="511"/>
                    <a:pt x="186" y="512"/>
                  </a:cubicBezTo>
                  <a:cubicBezTo>
                    <a:pt x="186" y="512"/>
                    <a:pt x="187" y="513"/>
                    <a:pt x="186" y="514"/>
                  </a:cubicBezTo>
                  <a:cubicBezTo>
                    <a:pt x="186" y="514"/>
                    <a:pt x="185" y="513"/>
                    <a:pt x="184" y="514"/>
                  </a:cubicBezTo>
                  <a:cubicBezTo>
                    <a:pt x="184" y="514"/>
                    <a:pt x="183" y="516"/>
                    <a:pt x="183" y="516"/>
                  </a:cubicBezTo>
                  <a:cubicBezTo>
                    <a:pt x="183" y="518"/>
                    <a:pt x="181" y="517"/>
                    <a:pt x="181" y="517"/>
                  </a:cubicBezTo>
                  <a:cubicBezTo>
                    <a:pt x="180" y="518"/>
                    <a:pt x="181" y="519"/>
                    <a:pt x="181" y="519"/>
                  </a:cubicBezTo>
                  <a:cubicBezTo>
                    <a:pt x="180" y="520"/>
                    <a:pt x="179" y="519"/>
                    <a:pt x="179" y="519"/>
                  </a:cubicBezTo>
                  <a:cubicBezTo>
                    <a:pt x="178" y="520"/>
                    <a:pt x="178" y="521"/>
                    <a:pt x="177" y="521"/>
                  </a:cubicBezTo>
                  <a:cubicBezTo>
                    <a:pt x="177" y="522"/>
                    <a:pt x="175" y="523"/>
                    <a:pt x="175" y="523"/>
                  </a:cubicBezTo>
                  <a:cubicBezTo>
                    <a:pt x="175" y="523"/>
                    <a:pt x="172" y="524"/>
                    <a:pt x="172" y="524"/>
                  </a:cubicBezTo>
                  <a:cubicBezTo>
                    <a:pt x="171" y="523"/>
                    <a:pt x="171" y="523"/>
                    <a:pt x="170" y="524"/>
                  </a:cubicBezTo>
                  <a:cubicBezTo>
                    <a:pt x="169" y="525"/>
                    <a:pt x="168" y="525"/>
                    <a:pt x="166" y="525"/>
                  </a:cubicBezTo>
                  <a:cubicBezTo>
                    <a:pt x="166" y="525"/>
                    <a:pt x="160" y="528"/>
                    <a:pt x="158" y="525"/>
                  </a:cubicBezTo>
                  <a:cubicBezTo>
                    <a:pt x="156" y="525"/>
                    <a:pt x="158" y="526"/>
                    <a:pt x="158" y="526"/>
                  </a:cubicBezTo>
                  <a:cubicBezTo>
                    <a:pt x="156" y="528"/>
                    <a:pt x="154" y="526"/>
                    <a:pt x="151" y="527"/>
                  </a:cubicBezTo>
                  <a:cubicBezTo>
                    <a:pt x="150" y="527"/>
                    <a:pt x="151" y="528"/>
                    <a:pt x="151" y="528"/>
                  </a:cubicBezTo>
                  <a:cubicBezTo>
                    <a:pt x="150" y="529"/>
                    <a:pt x="145" y="527"/>
                    <a:pt x="143" y="527"/>
                  </a:cubicBezTo>
                  <a:cubicBezTo>
                    <a:pt x="143" y="522"/>
                    <a:pt x="138" y="520"/>
                    <a:pt x="141" y="516"/>
                  </a:cubicBezTo>
                  <a:cubicBezTo>
                    <a:pt x="139" y="514"/>
                    <a:pt x="136" y="512"/>
                    <a:pt x="137" y="508"/>
                  </a:cubicBezTo>
                  <a:cubicBezTo>
                    <a:pt x="134" y="511"/>
                    <a:pt x="136" y="509"/>
                    <a:pt x="135" y="505"/>
                  </a:cubicBezTo>
                  <a:cubicBezTo>
                    <a:pt x="134" y="501"/>
                    <a:pt x="128" y="497"/>
                    <a:pt x="129" y="492"/>
                  </a:cubicBezTo>
                  <a:cubicBezTo>
                    <a:pt x="128" y="491"/>
                    <a:pt x="128" y="494"/>
                    <a:pt x="128" y="494"/>
                  </a:cubicBezTo>
                  <a:cubicBezTo>
                    <a:pt x="126" y="493"/>
                    <a:pt x="128" y="487"/>
                    <a:pt x="126" y="490"/>
                  </a:cubicBezTo>
                  <a:cubicBezTo>
                    <a:pt x="125" y="488"/>
                    <a:pt x="125" y="485"/>
                    <a:pt x="125" y="483"/>
                  </a:cubicBezTo>
                  <a:cubicBezTo>
                    <a:pt x="126" y="480"/>
                    <a:pt x="126" y="478"/>
                    <a:pt x="124" y="474"/>
                  </a:cubicBezTo>
                  <a:cubicBezTo>
                    <a:pt x="125" y="473"/>
                    <a:pt x="122" y="474"/>
                    <a:pt x="122" y="474"/>
                  </a:cubicBezTo>
                  <a:cubicBezTo>
                    <a:pt x="121" y="473"/>
                    <a:pt x="124" y="471"/>
                    <a:pt x="120" y="472"/>
                  </a:cubicBezTo>
                  <a:cubicBezTo>
                    <a:pt x="119" y="471"/>
                    <a:pt x="120" y="469"/>
                    <a:pt x="120" y="469"/>
                  </a:cubicBezTo>
                  <a:cubicBezTo>
                    <a:pt x="119" y="469"/>
                    <a:pt x="118" y="469"/>
                    <a:pt x="118" y="469"/>
                  </a:cubicBezTo>
                  <a:cubicBezTo>
                    <a:pt x="118" y="468"/>
                    <a:pt x="120" y="465"/>
                    <a:pt x="117" y="466"/>
                  </a:cubicBezTo>
                  <a:cubicBezTo>
                    <a:pt x="117" y="464"/>
                    <a:pt x="118" y="464"/>
                    <a:pt x="118" y="462"/>
                  </a:cubicBezTo>
                  <a:cubicBezTo>
                    <a:pt x="116" y="461"/>
                    <a:pt x="118" y="457"/>
                    <a:pt x="115" y="458"/>
                  </a:cubicBezTo>
                  <a:cubicBezTo>
                    <a:pt x="114" y="449"/>
                    <a:pt x="116" y="446"/>
                    <a:pt x="120" y="441"/>
                  </a:cubicBezTo>
                  <a:cubicBezTo>
                    <a:pt x="119" y="440"/>
                    <a:pt x="121" y="436"/>
                    <a:pt x="119" y="436"/>
                  </a:cubicBezTo>
                  <a:cubicBezTo>
                    <a:pt x="119" y="435"/>
                    <a:pt x="121" y="436"/>
                    <a:pt x="122" y="435"/>
                  </a:cubicBezTo>
                  <a:cubicBezTo>
                    <a:pt x="122" y="435"/>
                    <a:pt x="121" y="433"/>
                    <a:pt x="122" y="433"/>
                  </a:cubicBezTo>
                  <a:cubicBezTo>
                    <a:pt x="122" y="432"/>
                    <a:pt x="122" y="423"/>
                    <a:pt x="121" y="426"/>
                  </a:cubicBezTo>
                  <a:cubicBezTo>
                    <a:pt x="119" y="424"/>
                    <a:pt x="120" y="422"/>
                    <a:pt x="120" y="420"/>
                  </a:cubicBezTo>
                  <a:cubicBezTo>
                    <a:pt x="120" y="418"/>
                    <a:pt x="120" y="415"/>
                    <a:pt x="120" y="413"/>
                  </a:cubicBezTo>
                  <a:cubicBezTo>
                    <a:pt x="119" y="412"/>
                    <a:pt x="118" y="413"/>
                    <a:pt x="118" y="412"/>
                  </a:cubicBezTo>
                  <a:cubicBezTo>
                    <a:pt x="118" y="412"/>
                    <a:pt x="119" y="411"/>
                    <a:pt x="119" y="411"/>
                  </a:cubicBezTo>
                  <a:cubicBezTo>
                    <a:pt x="119" y="411"/>
                    <a:pt x="118" y="410"/>
                    <a:pt x="118" y="410"/>
                  </a:cubicBezTo>
                  <a:cubicBezTo>
                    <a:pt x="118" y="407"/>
                    <a:pt x="117" y="408"/>
                    <a:pt x="116" y="407"/>
                  </a:cubicBezTo>
                  <a:cubicBezTo>
                    <a:pt x="115" y="406"/>
                    <a:pt x="116" y="405"/>
                    <a:pt x="116" y="405"/>
                  </a:cubicBezTo>
                  <a:cubicBezTo>
                    <a:pt x="116" y="405"/>
                    <a:pt x="113" y="405"/>
                    <a:pt x="114" y="404"/>
                  </a:cubicBezTo>
                  <a:cubicBezTo>
                    <a:pt x="114" y="404"/>
                    <a:pt x="115" y="404"/>
                    <a:pt x="115" y="404"/>
                  </a:cubicBezTo>
                  <a:cubicBezTo>
                    <a:pt x="113" y="402"/>
                    <a:pt x="112" y="401"/>
                    <a:pt x="110" y="400"/>
                  </a:cubicBezTo>
                  <a:cubicBezTo>
                    <a:pt x="110" y="400"/>
                    <a:pt x="110" y="399"/>
                    <a:pt x="109" y="399"/>
                  </a:cubicBezTo>
                  <a:cubicBezTo>
                    <a:pt x="108" y="399"/>
                    <a:pt x="108" y="396"/>
                    <a:pt x="106" y="397"/>
                  </a:cubicBezTo>
                  <a:cubicBezTo>
                    <a:pt x="104" y="389"/>
                    <a:pt x="106" y="382"/>
                    <a:pt x="106" y="373"/>
                  </a:cubicBezTo>
                  <a:cubicBezTo>
                    <a:pt x="106" y="371"/>
                    <a:pt x="104" y="375"/>
                    <a:pt x="104" y="370"/>
                  </a:cubicBezTo>
                  <a:cubicBezTo>
                    <a:pt x="99" y="371"/>
                    <a:pt x="94" y="370"/>
                    <a:pt x="91" y="369"/>
                  </a:cubicBezTo>
                  <a:cubicBezTo>
                    <a:pt x="92" y="363"/>
                    <a:pt x="88" y="369"/>
                    <a:pt x="89" y="364"/>
                  </a:cubicBezTo>
                  <a:cubicBezTo>
                    <a:pt x="85" y="363"/>
                    <a:pt x="84" y="361"/>
                    <a:pt x="79" y="363"/>
                  </a:cubicBezTo>
                  <a:cubicBezTo>
                    <a:pt x="78" y="363"/>
                    <a:pt x="76" y="363"/>
                    <a:pt x="75" y="364"/>
                  </a:cubicBezTo>
                  <a:cubicBezTo>
                    <a:pt x="74" y="364"/>
                    <a:pt x="72" y="365"/>
                    <a:pt x="69" y="365"/>
                  </a:cubicBezTo>
                  <a:cubicBezTo>
                    <a:pt x="71" y="367"/>
                    <a:pt x="72" y="366"/>
                    <a:pt x="67" y="367"/>
                  </a:cubicBezTo>
                  <a:cubicBezTo>
                    <a:pt x="64" y="367"/>
                    <a:pt x="62" y="368"/>
                    <a:pt x="57" y="369"/>
                  </a:cubicBezTo>
                  <a:cubicBezTo>
                    <a:pt x="55" y="369"/>
                    <a:pt x="55" y="368"/>
                    <a:pt x="54" y="368"/>
                  </a:cubicBezTo>
                  <a:cubicBezTo>
                    <a:pt x="48" y="367"/>
                    <a:pt x="41" y="371"/>
                    <a:pt x="36" y="369"/>
                  </a:cubicBezTo>
                  <a:cubicBezTo>
                    <a:pt x="36" y="366"/>
                    <a:pt x="32" y="367"/>
                    <a:pt x="31" y="367"/>
                  </a:cubicBezTo>
                  <a:cubicBezTo>
                    <a:pt x="31" y="366"/>
                    <a:pt x="31" y="365"/>
                    <a:pt x="31" y="365"/>
                  </a:cubicBezTo>
                  <a:cubicBezTo>
                    <a:pt x="30" y="364"/>
                    <a:pt x="28" y="365"/>
                    <a:pt x="28" y="365"/>
                  </a:cubicBezTo>
                  <a:cubicBezTo>
                    <a:pt x="28" y="364"/>
                    <a:pt x="28" y="363"/>
                    <a:pt x="28" y="363"/>
                  </a:cubicBezTo>
                  <a:cubicBezTo>
                    <a:pt x="27" y="362"/>
                    <a:pt x="26" y="363"/>
                    <a:pt x="26" y="362"/>
                  </a:cubicBezTo>
                  <a:cubicBezTo>
                    <a:pt x="26" y="362"/>
                    <a:pt x="24" y="360"/>
                    <a:pt x="24" y="360"/>
                  </a:cubicBezTo>
                  <a:cubicBezTo>
                    <a:pt x="24" y="360"/>
                    <a:pt x="24" y="359"/>
                    <a:pt x="23" y="359"/>
                  </a:cubicBezTo>
                  <a:cubicBezTo>
                    <a:pt x="22" y="359"/>
                    <a:pt x="23" y="358"/>
                    <a:pt x="22" y="357"/>
                  </a:cubicBezTo>
                  <a:cubicBezTo>
                    <a:pt x="22" y="356"/>
                    <a:pt x="21" y="357"/>
                    <a:pt x="20" y="356"/>
                  </a:cubicBezTo>
                  <a:cubicBezTo>
                    <a:pt x="20" y="356"/>
                    <a:pt x="21" y="355"/>
                    <a:pt x="20" y="354"/>
                  </a:cubicBezTo>
                  <a:cubicBezTo>
                    <a:pt x="20" y="353"/>
                    <a:pt x="18" y="355"/>
                    <a:pt x="18" y="353"/>
                  </a:cubicBezTo>
                  <a:cubicBezTo>
                    <a:pt x="18" y="353"/>
                    <a:pt x="19" y="352"/>
                    <a:pt x="19" y="352"/>
                  </a:cubicBezTo>
                  <a:cubicBezTo>
                    <a:pt x="18" y="349"/>
                    <a:pt x="14" y="350"/>
                    <a:pt x="15" y="347"/>
                  </a:cubicBezTo>
                  <a:cubicBezTo>
                    <a:pt x="10" y="348"/>
                    <a:pt x="12" y="343"/>
                    <a:pt x="8" y="344"/>
                  </a:cubicBezTo>
                  <a:cubicBezTo>
                    <a:pt x="8" y="343"/>
                    <a:pt x="9" y="342"/>
                    <a:pt x="9" y="341"/>
                  </a:cubicBezTo>
                  <a:cubicBezTo>
                    <a:pt x="9" y="340"/>
                    <a:pt x="6" y="340"/>
                    <a:pt x="5" y="340"/>
                  </a:cubicBezTo>
                  <a:cubicBezTo>
                    <a:pt x="6" y="338"/>
                    <a:pt x="3" y="338"/>
                    <a:pt x="3" y="337"/>
                  </a:cubicBezTo>
                  <a:cubicBezTo>
                    <a:pt x="3" y="335"/>
                    <a:pt x="5" y="336"/>
                    <a:pt x="3" y="333"/>
                  </a:cubicBezTo>
                  <a:cubicBezTo>
                    <a:pt x="3" y="333"/>
                    <a:pt x="2" y="333"/>
                    <a:pt x="2" y="332"/>
                  </a:cubicBezTo>
                  <a:cubicBezTo>
                    <a:pt x="2" y="332"/>
                    <a:pt x="1" y="329"/>
                    <a:pt x="0" y="328"/>
                  </a:cubicBezTo>
                  <a:cubicBezTo>
                    <a:pt x="0" y="327"/>
                    <a:pt x="2" y="328"/>
                    <a:pt x="3" y="327"/>
                  </a:cubicBezTo>
                  <a:cubicBezTo>
                    <a:pt x="4" y="327"/>
                    <a:pt x="3" y="324"/>
                    <a:pt x="5" y="325"/>
                  </a:cubicBezTo>
                  <a:cubicBezTo>
                    <a:pt x="5" y="308"/>
                    <a:pt x="5" y="308"/>
                    <a:pt x="5" y="308"/>
                  </a:cubicBezTo>
                  <a:cubicBezTo>
                    <a:pt x="5" y="307"/>
                    <a:pt x="3" y="308"/>
                    <a:pt x="3" y="307"/>
                  </a:cubicBezTo>
                  <a:cubicBezTo>
                    <a:pt x="3" y="307"/>
                    <a:pt x="4" y="306"/>
                    <a:pt x="4" y="306"/>
                  </a:cubicBezTo>
                  <a:cubicBezTo>
                    <a:pt x="4" y="304"/>
                    <a:pt x="3" y="303"/>
                    <a:pt x="3" y="302"/>
                  </a:cubicBezTo>
                  <a:cubicBezTo>
                    <a:pt x="7" y="306"/>
                    <a:pt x="3" y="295"/>
                    <a:pt x="7" y="299"/>
                  </a:cubicBezTo>
                  <a:cubicBezTo>
                    <a:pt x="8" y="298"/>
                    <a:pt x="7" y="294"/>
                    <a:pt x="8" y="293"/>
                  </a:cubicBezTo>
                  <a:cubicBezTo>
                    <a:pt x="8" y="293"/>
                    <a:pt x="10" y="293"/>
                    <a:pt x="10" y="293"/>
                  </a:cubicBezTo>
                  <a:cubicBezTo>
                    <a:pt x="10" y="293"/>
                    <a:pt x="8" y="291"/>
                    <a:pt x="9" y="290"/>
                  </a:cubicBezTo>
                  <a:cubicBezTo>
                    <a:pt x="13" y="289"/>
                    <a:pt x="12" y="284"/>
                    <a:pt x="16" y="284"/>
                  </a:cubicBezTo>
                  <a:cubicBezTo>
                    <a:pt x="16" y="280"/>
                    <a:pt x="19" y="280"/>
                    <a:pt x="18" y="277"/>
                  </a:cubicBezTo>
                  <a:cubicBezTo>
                    <a:pt x="20" y="277"/>
                    <a:pt x="20" y="276"/>
                    <a:pt x="20" y="275"/>
                  </a:cubicBezTo>
                  <a:cubicBezTo>
                    <a:pt x="26" y="274"/>
                    <a:pt x="31" y="272"/>
                    <a:pt x="30" y="265"/>
                  </a:cubicBezTo>
                  <a:cubicBezTo>
                    <a:pt x="34" y="266"/>
                    <a:pt x="30" y="260"/>
                    <a:pt x="34" y="261"/>
                  </a:cubicBezTo>
                  <a:cubicBezTo>
                    <a:pt x="34" y="255"/>
                    <a:pt x="34" y="255"/>
                    <a:pt x="34" y="255"/>
                  </a:cubicBezTo>
                  <a:cubicBezTo>
                    <a:pt x="35" y="255"/>
                    <a:pt x="36" y="254"/>
                    <a:pt x="38" y="254"/>
                  </a:cubicBezTo>
                  <a:cubicBezTo>
                    <a:pt x="39" y="252"/>
                    <a:pt x="41" y="251"/>
                    <a:pt x="42" y="248"/>
                  </a:cubicBezTo>
                  <a:cubicBezTo>
                    <a:pt x="43" y="248"/>
                    <a:pt x="43" y="248"/>
                    <a:pt x="43" y="247"/>
                  </a:cubicBezTo>
                  <a:cubicBezTo>
                    <a:pt x="43" y="246"/>
                    <a:pt x="46" y="246"/>
                    <a:pt x="45" y="244"/>
                  </a:cubicBezTo>
                  <a:cubicBezTo>
                    <a:pt x="50" y="245"/>
                    <a:pt x="50" y="242"/>
                    <a:pt x="54" y="243"/>
                  </a:cubicBezTo>
                  <a:cubicBezTo>
                    <a:pt x="52" y="246"/>
                    <a:pt x="58" y="243"/>
                    <a:pt x="57" y="246"/>
                  </a:cubicBezTo>
                  <a:cubicBezTo>
                    <a:pt x="58" y="244"/>
                    <a:pt x="66" y="248"/>
                    <a:pt x="66" y="243"/>
                  </a:cubicBezTo>
                  <a:cubicBezTo>
                    <a:pt x="71" y="243"/>
                    <a:pt x="75" y="242"/>
                    <a:pt x="77" y="239"/>
                  </a:cubicBezTo>
                  <a:cubicBezTo>
                    <a:pt x="78" y="239"/>
                    <a:pt x="79" y="239"/>
                    <a:pt x="80" y="238"/>
                  </a:cubicBezTo>
                  <a:cubicBezTo>
                    <a:pt x="81" y="238"/>
                    <a:pt x="82" y="239"/>
                    <a:pt x="83" y="239"/>
                  </a:cubicBezTo>
                  <a:cubicBezTo>
                    <a:pt x="86" y="239"/>
                    <a:pt x="87" y="238"/>
                    <a:pt x="89" y="238"/>
                  </a:cubicBezTo>
                  <a:cubicBezTo>
                    <a:pt x="89" y="238"/>
                    <a:pt x="89" y="239"/>
                    <a:pt x="90" y="239"/>
                  </a:cubicBezTo>
                  <a:cubicBezTo>
                    <a:pt x="92" y="239"/>
                    <a:pt x="96" y="240"/>
                    <a:pt x="101" y="240"/>
                  </a:cubicBezTo>
                  <a:cubicBezTo>
                    <a:pt x="102" y="239"/>
                    <a:pt x="105" y="237"/>
                    <a:pt x="107" y="239"/>
                  </a:cubicBezTo>
                  <a:cubicBezTo>
                    <a:pt x="109" y="240"/>
                    <a:pt x="108" y="239"/>
                    <a:pt x="111" y="239"/>
                  </a:cubicBezTo>
                  <a:cubicBezTo>
                    <a:pt x="111" y="239"/>
                    <a:pt x="112" y="240"/>
                    <a:pt x="112" y="241"/>
                  </a:cubicBezTo>
                  <a:cubicBezTo>
                    <a:pt x="112" y="241"/>
                    <a:pt x="110" y="241"/>
                    <a:pt x="110" y="242"/>
                  </a:cubicBezTo>
                  <a:cubicBezTo>
                    <a:pt x="110" y="243"/>
                    <a:pt x="111" y="242"/>
                    <a:pt x="111" y="243"/>
                  </a:cubicBezTo>
                  <a:cubicBezTo>
                    <a:pt x="111" y="243"/>
                    <a:pt x="110" y="244"/>
                    <a:pt x="110" y="243"/>
                  </a:cubicBezTo>
                  <a:cubicBezTo>
                    <a:pt x="110" y="244"/>
                    <a:pt x="111" y="244"/>
                    <a:pt x="111" y="245"/>
                  </a:cubicBezTo>
                  <a:cubicBezTo>
                    <a:pt x="111" y="248"/>
                    <a:pt x="110" y="249"/>
                    <a:pt x="112" y="253"/>
                  </a:cubicBezTo>
                  <a:cubicBezTo>
                    <a:pt x="113" y="255"/>
                    <a:pt x="113" y="252"/>
                    <a:pt x="115" y="254"/>
                  </a:cubicBezTo>
                  <a:cubicBezTo>
                    <a:pt x="115" y="255"/>
                    <a:pt x="116" y="254"/>
                    <a:pt x="117" y="255"/>
                  </a:cubicBezTo>
                  <a:cubicBezTo>
                    <a:pt x="117" y="255"/>
                    <a:pt x="116" y="257"/>
                    <a:pt x="117" y="257"/>
                  </a:cubicBezTo>
                  <a:cubicBezTo>
                    <a:pt x="118" y="257"/>
                    <a:pt x="120" y="256"/>
                    <a:pt x="120" y="258"/>
                  </a:cubicBezTo>
                  <a:cubicBezTo>
                    <a:pt x="123" y="257"/>
                    <a:pt x="125" y="261"/>
                    <a:pt x="126" y="258"/>
                  </a:cubicBezTo>
                  <a:cubicBezTo>
                    <a:pt x="127" y="258"/>
                    <a:pt x="127" y="259"/>
                    <a:pt x="127" y="260"/>
                  </a:cubicBezTo>
                  <a:cubicBezTo>
                    <a:pt x="129" y="261"/>
                    <a:pt x="130" y="260"/>
                    <a:pt x="132" y="261"/>
                  </a:cubicBezTo>
                  <a:cubicBezTo>
                    <a:pt x="133" y="261"/>
                    <a:pt x="133" y="262"/>
                    <a:pt x="133" y="263"/>
                  </a:cubicBezTo>
                  <a:cubicBezTo>
                    <a:pt x="133" y="263"/>
                    <a:pt x="135" y="262"/>
                    <a:pt x="135" y="263"/>
                  </a:cubicBezTo>
                  <a:cubicBezTo>
                    <a:pt x="136" y="264"/>
                    <a:pt x="136" y="263"/>
                    <a:pt x="138" y="264"/>
                  </a:cubicBezTo>
                  <a:cubicBezTo>
                    <a:pt x="138" y="264"/>
                    <a:pt x="138" y="265"/>
                    <a:pt x="139" y="265"/>
                  </a:cubicBezTo>
                  <a:cubicBezTo>
                    <a:pt x="139" y="266"/>
                    <a:pt x="140" y="264"/>
                    <a:pt x="142" y="264"/>
                  </a:cubicBezTo>
                  <a:cubicBezTo>
                    <a:pt x="141" y="264"/>
                    <a:pt x="142" y="265"/>
                    <a:pt x="143" y="265"/>
                  </a:cubicBezTo>
                  <a:cubicBezTo>
                    <a:pt x="143" y="266"/>
                    <a:pt x="144" y="265"/>
                    <a:pt x="144" y="265"/>
                  </a:cubicBezTo>
                  <a:cubicBezTo>
                    <a:pt x="145" y="265"/>
                    <a:pt x="146" y="264"/>
                    <a:pt x="146" y="264"/>
                  </a:cubicBezTo>
                  <a:cubicBezTo>
                    <a:pt x="146" y="264"/>
                    <a:pt x="148" y="263"/>
                    <a:pt x="147" y="263"/>
                  </a:cubicBezTo>
                  <a:cubicBezTo>
                    <a:pt x="145" y="261"/>
                    <a:pt x="150" y="261"/>
                    <a:pt x="150" y="258"/>
                  </a:cubicBezTo>
                  <a:cubicBezTo>
                    <a:pt x="153" y="259"/>
                    <a:pt x="153" y="256"/>
                    <a:pt x="156" y="257"/>
                  </a:cubicBezTo>
                  <a:cubicBezTo>
                    <a:pt x="157" y="257"/>
                    <a:pt x="157" y="258"/>
                    <a:pt x="157" y="258"/>
                  </a:cubicBezTo>
                  <a:cubicBezTo>
                    <a:pt x="158" y="258"/>
                    <a:pt x="160" y="257"/>
                    <a:pt x="161" y="258"/>
                  </a:cubicBezTo>
                  <a:cubicBezTo>
                    <a:pt x="161" y="258"/>
                    <a:pt x="162" y="260"/>
                    <a:pt x="163" y="260"/>
                  </a:cubicBezTo>
                  <a:cubicBezTo>
                    <a:pt x="163" y="260"/>
                    <a:pt x="164" y="258"/>
                    <a:pt x="165" y="259"/>
                  </a:cubicBezTo>
                  <a:cubicBezTo>
                    <a:pt x="166" y="259"/>
                    <a:pt x="165" y="261"/>
                    <a:pt x="165" y="261"/>
                  </a:cubicBezTo>
                  <a:cubicBezTo>
                    <a:pt x="166" y="261"/>
                    <a:pt x="168" y="259"/>
                    <a:pt x="169" y="260"/>
                  </a:cubicBezTo>
                  <a:cubicBezTo>
                    <a:pt x="170" y="260"/>
                    <a:pt x="167" y="261"/>
                    <a:pt x="167" y="261"/>
                  </a:cubicBezTo>
                  <a:cubicBezTo>
                    <a:pt x="168" y="262"/>
                    <a:pt x="174" y="263"/>
                    <a:pt x="177" y="263"/>
                  </a:cubicBezTo>
                  <a:cubicBezTo>
                    <a:pt x="177" y="266"/>
                    <a:pt x="185" y="265"/>
                    <a:pt x="186" y="263"/>
                  </a:cubicBezTo>
                  <a:cubicBezTo>
                    <a:pt x="187" y="263"/>
                    <a:pt x="191" y="261"/>
                    <a:pt x="192" y="263"/>
                  </a:cubicBezTo>
                  <a:cubicBezTo>
                    <a:pt x="193" y="264"/>
                    <a:pt x="193" y="262"/>
                    <a:pt x="194" y="263"/>
                  </a:cubicBezTo>
                  <a:cubicBezTo>
                    <a:pt x="196" y="263"/>
                    <a:pt x="197" y="264"/>
                    <a:pt x="199" y="264"/>
                  </a:cubicBezTo>
                  <a:cubicBezTo>
                    <a:pt x="201" y="263"/>
                    <a:pt x="201" y="262"/>
                    <a:pt x="204" y="262"/>
                  </a:cubicBezTo>
                  <a:cubicBezTo>
                    <a:pt x="204" y="259"/>
                    <a:pt x="204" y="256"/>
                    <a:pt x="206" y="256"/>
                  </a:cubicBezTo>
                  <a:cubicBezTo>
                    <a:pt x="207" y="254"/>
                    <a:pt x="205" y="254"/>
                    <a:pt x="206" y="252"/>
                  </a:cubicBezTo>
                  <a:cubicBezTo>
                    <a:pt x="209" y="252"/>
                    <a:pt x="208" y="246"/>
                    <a:pt x="211" y="249"/>
                  </a:cubicBezTo>
                  <a:cubicBezTo>
                    <a:pt x="212" y="246"/>
                    <a:pt x="210" y="245"/>
                    <a:pt x="207" y="244"/>
                  </a:cubicBezTo>
                  <a:cubicBezTo>
                    <a:pt x="208" y="244"/>
                    <a:pt x="208" y="242"/>
                    <a:pt x="208" y="241"/>
                  </a:cubicBezTo>
                  <a:cubicBezTo>
                    <a:pt x="207" y="238"/>
                    <a:pt x="202" y="240"/>
                    <a:pt x="201" y="237"/>
                  </a:cubicBezTo>
                  <a:cubicBezTo>
                    <a:pt x="199" y="238"/>
                    <a:pt x="196" y="238"/>
                    <a:pt x="195" y="240"/>
                  </a:cubicBezTo>
                  <a:cubicBezTo>
                    <a:pt x="194" y="240"/>
                    <a:pt x="195" y="238"/>
                    <a:pt x="194" y="238"/>
                  </a:cubicBezTo>
                  <a:cubicBezTo>
                    <a:pt x="193" y="237"/>
                    <a:pt x="189" y="238"/>
                    <a:pt x="187" y="238"/>
                  </a:cubicBezTo>
                  <a:cubicBezTo>
                    <a:pt x="186" y="238"/>
                    <a:pt x="186" y="240"/>
                    <a:pt x="184" y="240"/>
                  </a:cubicBezTo>
                  <a:cubicBezTo>
                    <a:pt x="182" y="240"/>
                    <a:pt x="182" y="236"/>
                    <a:pt x="178" y="237"/>
                  </a:cubicBezTo>
                  <a:cubicBezTo>
                    <a:pt x="178" y="235"/>
                    <a:pt x="177" y="235"/>
                    <a:pt x="177" y="233"/>
                  </a:cubicBezTo>
                  <a:cubicBezTo>
                    <a:pt x="176" y="233"/>
                    <a:pt x="175" y="233"/>
                    <a:pt x="175" y="232"/>
                  </a:cubicBezTo>
                  <a:cubicBezTo>
                    <a:pt x="174" y="231"/>
                    <a:pt x="173" y="230"/>
                    <a:pt x="171" y="230"/>
                  </a:cubicBezTo>
                  <a:cubicBezTo>
                    <a:pt x="173" y="228"/>
                    <a:pt x="172" y="222"/>
                    <a:pt x="171" y="220"/>
                  </a:cubicBezTo>
                  <a:cubicBezTo>
                    <a:pt x="169" y="221"/>
                    <a:pt x="166" y="218"/>
                    <a:pt x="165" y="222"/>
                  </a:cubicBezTo>
                  <a:cubicBezTo>
                    <a:pt x="163" y="221"/>
                    <a:pt x="162" y="223"/>
                    <a:pt x="160" y="222"/>
                  </a:cubicBezTo>
                  <a:cubicBezTo>
                    <a:pt x="160" y="223"/>
                    <a:pt x="159" y="223"/>
                    <a:pt x="159" y="223"/>
                  </a:cubicBezTo>
                  <a:cubicBezTo>
                    <a:pt x="159" y="224"/>
                    <a:pt x="160" y="225"/>
                    <a:pt x="161" y="225"/>
                  </a:cubicBezTo>
                  <a:cubicBezTo>
                    <a:pt x="161" y="226"/>
                    <a:pt x="161" y="228"/>
                    <a:pt x="163" y="227"/>
                  </a:cubicBezTo>
                  <a:cubicBezTo>
                    <a:pt x="162" y="230"/>
                    <a:pt x="162" y="229"/>
                    <a:pt x="164" y="231"/>
                  </a:cubicBezTo>
                  <a:cubicBezTo>
                    <a:pt x="164" y="233"/>
                    <a:pt x="162" y="232"/>
                    <a:pt x="162" y="233"/>
                  </a:cubicBezTo>
                  <a:cubicBezTo>
                    <a:pt x="161" y="233"/>
                    <a:pt x="160" y="236"/>
                    <a:pt x="160" y="236"/>
                  </a:cubicBezTo>
                  <a:cubicBezTo>
                    <a:pt x="158" y="234"/>
                    <a:pt x="160" y="238"/>
                    <a:pt x="156" y="238"/>
                  </a:cubicBezTo>
                  <a:cubicBezTo>
                    <a:pt x="155" y="237"/>
                    <a:pt x="155" y="236"/>
                    <a:pt x="154" y="236"/>
                  </a:cubicBezTo>
                  <a:cubicBezTo>
                    <a:pt x="154" y="234"/>
                    <a:pt x="155" y="234"/>
                    <a:pt x="156" y="234"/>
                  </a:cubicBezTo>
                  <a:cubicBezTo>
                    <a:pt x="155" y="233"/>
                    <a:pt x="152" y="232"/>
                    <a:pt x="154" y="229"/>
                  </a:cubicBezTo>
                  <a:cubicBezTo>
                    <a:pt x="153" y="229"/>
                    <a:pt x="151" y="230"/>
                    <a:pt x="150" y="229"/>
                  </a:cubicBezTo>
                  <a:cubicBezTo>
                    <a:pt x="149" y="229"/>
                    <a:pt x="152" y="228"/>
                    <a:pt x="152" y="228"/>
                  </a:cubicBezTo>
                  <a:cubicBezTo>
                    <a:pt x="152" y="228"/>
                    <a:pt x="150" y="226"/>
                    <a:pt x="147" y="224"/>
                  </a:cubicBezTo>
                  <a:cubicBezTo>
                    <a:pt x="148" y="220"/>
                    <a:pt x="145" y="219"/>
                    <a:pt x="145" y="215"/>
                  </a:cubicBezTo>
                  <a:cubicBezTo>
                    <a:pt x="146" y="213"/>
                    <a:pt x="143" y="215"/>
                    <a:pt x="143" y="214"/>
                  </a:cubicBezTo>
                  <a:cubicBezTo>
                    <a:pt x="142" y="214"/>
                    <a:pt x="144" y="212"/>
                    <a:pt x="143" y="212"/>
                  </a:cubicBezTo>
                  <a:cubicBezTo>
                    <a:pt x="141" y="210"/>
                    <a:pt x="141" y="212"/>
                    <a:pt x="140" y="211"/>
                  </a:cubicBezTo>
                  <a:cubicBezTo>
                    <a:pt x="139" y="211"/>
                    <a:pt x="141" y="210"/>
                    <a:pt x="141" y="209"/>
                  </a:cubicBezTo>
                  <a:cubicBezTo>
                    <a:pt x="140" y="208"/>
                    <a:pt x="139" y="210"/>
                    <a:pt x="140" y="210"/>
                  </a:cubicBezTo>
                  <a:cubicBezTo>
                    <a:pt x="139" y="210"/>
                    <a:pt x="139" y="209"/>
                    <a:pt x="139" y="208"/>
                  </a:cubicBezTo>
                  <a:cubicBezTo>
                    <a:pt x="135" y="209"/>
                    <a:pt x="135" y="206"/>
                    <a:pt x="131" y="206"/>
                  </a:cubicBezTo>
                  <a:cubicBezTo>
                    <a:pt x="131" y="205"/>
                    <a:pt x="130" y="205"/>
                    <a:pt x="129" y="204"/>
                  </a:cubicBezTo>
                  <a:cubicBezTo>
                    <a:pt x="129" y="204"/>
                    <a:pt x="129" y="203"/>
                    <a:pt x="129" y="202"/>
                  </a:cubicBezTo>
                  <a:cubicBezTo>
                    <a:pt x="129" y="202"/>
                    <a:pt x="127" y="203"/>
                    <a:pt x="127" y="202"/>
                  </a:cubicBezTo>
                  <a:cubicBezTo>
                    <a:pt x="127" y="202"/>
                    <a:pt x="127" y="198"/>
                    <a:pt x="126" y="200"/>
                  </a:cubicBezTo>
                  <a:cubicBezTo>
                    <a:pt x="126" y="200"/>
                    <a:pt x="125" y="200"/>
                    <a:pt x="124" y="199"/>
                  </a:cubicBezTo>
                  <a:cubicBezTo>
                    <a:pt x="124" y="198"/>
                    <a:pt x="123" y="198"/>
                    <a:pt x="123" y="197"/>
                  </a:cubicBezTo>
                  <a:cubicBezTo>
                    <a:pt x="120" y="197"/>
                    <a:pt x="121" y="198"/>
                    <a:pt x="118" y="197"/>
                  </a:cubicBezTo>
                  <a:cubicBezTo>
                    <a:pt x="117" y="197"/>
                    <a:pt x="117" y="199"/>
                    <a:pt x="116" y="199"/>
                  </a:cubicBezTo>
                  <a:cubicBezTo>
                    <a:pt x="115" y="201"/>
                    <a:pt x="118" y="200"/>
                    <a:pt x="118" y="202"/>
                  </a:cubicBezTo>
                  <a:cubicBezTo>
                    <a:pt x="118" y="203"/>
                    <a:pt x="119" y="205"/>
                    <a:pt x="120" y="205"/>
                  </a:cubicBezTo>
                  <a:cubicBezTo>
                    <a:pt x="120" y="206"/>
                    <a:pt x="120" y="206"/>
                    <a:pt x="122" y="206"/>
                  </a:cubicBezTo>
                  <a:cubicBezTo>
                    <a:pt x="120" y="209"/>
                    <a:pt x="123" y="209"/>
                    <a:pt x="124" y="210"/>
                  </a:cubicBezTo>
                  <a:cubicBezTo>
                    <a:pt x="125" y="210"/>
                    <a:pt x="125" y="214"/>
                    <a:pt x="126" y="213"/>
                  </a:cubicBezTo>
                  <a:cubicBezTo>
                    <a:pt x="128" y="211"/>
                    <a:pt x="126" y="213"/>
                    <a:pt x="127" y="214"/>
                  </a:cubicBezTo>
                  <a:cubicBezTo>
                    <a:pt x="128" y="215"/>
                    <a:pt x="131" y="214"/>
                    <a:pt x="131" y="217"/>
                  </a:cubicBezTo>
                  <a:cubicBezTo>
                    <a:pt x="132" y="216"/>
                    <a:pt x="133" y="218"/>
                    <a:pt x="133" y="218"/>
                  </a:cubicBezTo>
                  <a:cubicBezTo>
                    <a:pt x="133" y="218"/>
                    <a:pt x="134" y="217"/>
                    <a:pt x="134" y="217"/>
                  </a:cubicBezTo>
                  <a:cubicBezTo>
                    <a:pt x="135" y="217"/>
                    <a:pt x="135" y="220"/>
                    <a:pt x="136" y="218"/>
                  </a:cubicBezTo>
                  <a:cubicBezTo>
                    <a:pt x="138" y="217"/>
                    <a:pt x="135" y="222"/>
                    <a:pt x="139" y="221"/>
                  </a:cubicBezTo>
                  <a:cubicBezTo>
                    <a:pt x="139" y="223"/>
                    <a:pt x="135" y="221"/>
                    <a:pt x="133" y="222"/>
                  </a:cubicBezTo>
                  <a:cubicBezTo>
                    <a:pt x="134" y="222"/>
                    <a:pt x="134" y="222"/>
                    <a:pt x="135" y="223"/>
                  </a:cubicBezTo>
                  <a:cubicBezTo>
                    <a:pt x="136" y="225"/>
                    <a:pt x="133" y="228"/>
                    <a:pt x="135" y="228"/>
                  </a:cubicBezTo>
                  <a:cubicBezTo>
                    <a:pt x="134" y="230"/>
                    <a:pt x="132" y="230"/>
                    <a:pt x="130" y="230"/>
                  </a:cubicBezTo>
                  <a:cubicBezTo>
                    <a:pt x="131" y="230"/>
                    <a:pt x="130" y="226"/>
                    <a:pt x="132" y="226"/>
                  </a:cubicBezTo>
                  <a:cubicBezTo>
                    <a:pt x="131" y="226"/>
                    <a:pt x="131" y="223"/>
                    <a:pt x="130" y="223"/>
                  </a:cubicBezTo>
                  <a:cubicBezTo>
                    <a:pt x="129" y="223"/>
                    <a:pt x="131" y="222"/>
                    <a:pt x="128" y="221"/>
                  </a:cubicBezTo>
                  <a:cubicBezTo>
                    <a:pt x="127" y="220"/>
                    <a:pt x="125" y="220"/>
                    <a:pt x="125" y="218"/>
                  </a:cubicBezTo>
                  <a:cubicBezTo>
                    <a:pt x="121" y="219"/>
                    <a:pt x="121" y="216"/>
                    <a:pt x="118" y="216"/>
                  </a:cubicBezTo>
                  <a:cubicBezTo>
                    <a:pt x="117" y="213"/>
                    <a:pt x="115" y="212"/>
                    <a:pt x="114" y="210"/>
                  </a:cubicBezTo>
                  <a:cubicBezTo>
                    <a:pt x="114" y="210"/>
                    <a:pt x="113" y="210"/>
                    <a:pt x="113" y="209"/>
                  </a:cubicBezTo>
                  <a:cubicBezTo>
                    <a:pt x="113" y="208"/>
                    <a:pt x="112" y="209"/>
                    <a:pt x="111" y="208"/>
                  </a:cubicBezTo>
                  <a:cubicBezTo>
                    <a:pt x="111" y="208"/>
                    <a:pt x="111" y="206"/>
                    <a:pt x="111" y="206"/>
                  </a:cubicBezTo>
                  <a:cubicBezTo>
                    <a:pt x="110" y="206"/>
                    <a:pt x="108" y="207"/>
                    <a:pt x="107" y="206"/>
                  </a:cubicBezTo>
                  <a:cubicBezTo>
                    <a:pt x="107" y="206"/>
                    <a:pt x="109" y="205"/>
                    <a:pt x="109" y="205"/>
                  </a:cubicBezTo>
                  <a:cubicBezTo>
                    <a:pt x="108" y="203"/>
                    <a:pt x="102" y="203"/>
                    <a:pt x="100" y="204"/>
                  </a:cubicBezTo>
                  <a:cubicBezTo>
                    <a:pt x="99" y="205"/>
                    <a:pt x="101" y="205"/>
                    <a:pt x="101" y="205"/>
                  </a:cubicBezTo>
                  <a:cubicBezTo>
                    <a:pt x="101" y="207"/>
                    <a:pt x="100" y="206"/>
                    <a:pt x="99" y="206"/>
                  </a:cubicBezTo>
                  <a:cubicBezTo>
                    <a:pt x="97" y="207"/>
                    <a:pt x="97" y="210"/>
                    <a:pt x="95" y="210"/>
                  </a:cubicBezTo>
                  <a:cubicBezTo>
                    <a:pt x="91" y="210"/>
                    <a:pt x="90" y="207"/>
                    <a:pt x="85" y="207"/>
                  </a:cubicBezTo>
                  <a:cubicBezTo>
                    <a:pt x="84" y="208"/>
                    <a:pt x="84" y="210"/>
                    <a:pt x="81" y="209"/>
                  </a:cubicBezTo>
                  <a:cubicBezTo>
                    <a:pt x="81" y="216"/>
                    <a:pt x="81" y="216"/>
                    <a:pt x="81" y="216"/>
                  </a:cubicBezTo>
                  <a:cubicBezTo>
                    <a:pt x="78" y="217"/>
                    <a:pt x="72" y="216"/>
                    <a:pt x="74" y="222"/>
                  </a:cubicBezTo>
                  <a:cubicBezTo>
                    <a:pt x="68" y="220"/>
                    <a:pt x="73" y="225"/>
                    <a:pt x="67" y="225"/>
                  </a:cubicBezTo>
                  <a:cubicBezTo>
                    <a:pt x="67" y="227"/>
                    <a:pt x="70" y="229"/>
                    <a:pt x="68" y="229"/>
                  </a:cubicBezTo>
                  <a:cubicBezTo>
                    <a:pt x="68" y="233"/>
                    <a:pt x="66" y="229"/>
                    <a:pt x="64" y="232"/>
                  </a:cubicBezTo>
                  <a:cubicBezTo>
                    <a:pt x="64" y="233"/>
                    <a:pt x="64" y="234"/>
                    <a:pt x="65" y="234"/>
                  </a:cubicBezTo>
                  <a:cubicBezTo>
                    <a:pt x="65" y="236"/>
                    <a:pt x="62" y="234"/>
                    <a:pt x="60" y="235"/>
                  </a:cubicBezTo>
                  <a:cubicBezTo>
                    <a:pt x="59" y="235"/>
                    <a:pt x="59" y="237"/>
                    <a:pt x="59" y="238"/>
                  </a:cubicBezTo>
                  <a:cubicBezTo>
                    <a:pt x="56" y="239"/>
                    <a:pt x="51" y="237"/>
                    <a:pt x="48" y="241"/>
                  </a:cubicBezTo>
                  <a:cubicBezTo>
                    <a:pt x="47" y="240"/>
                    <a:pt x="46" y="238"/>
                    <a:pt x="45" y="237"/>
                  </a:cubicBezTo>
                  <a:cubicBezTo>
                    <a:pt x="41" y="236"/>
                    <a:pt x="36" y="238"/>
                    <a:pt x="35" y="237"/>
                  </a:cubicBezTo>
                  <a:cubicBezTo>
                    <a:pt x="35" y="233"/>
                    <a:pt x="37" y="229"/>
                    <a:pt x="34" y="227"/>
                  </a:cubicBezTo>
                  <a:cubicBezTo>
                    <a:pt x="33" y="226"/>
                    <a:pt x="35" y="225"/>
                    <a:pt x="36" y="223"/>
                  </a:cubicBezTo>
                  <a:cubicBezTo>
                    <a:pt x="36" y="221"/>
                    <a:pt x="35" y="218"/>
                    <a:pt x="37" y="216"/>
                  </a:cubicBezTo>
                  <a:cubicBezTo>
                    <a:pt x="36" y="214"/>
                    <a:pt x="36" y="211"/>
                    <a:pt x="34" y="210"/>
                  </a:cubicBezTo>
                  <a:cubicBezTo>
                    <a:pt x="34" y="209"/>
                    <a:pt x="36" y="209"/>
                    <a:pt x="36" y="207"/>
                  </a:cubicBezTo>
                  <a:cubicBezTo>
                    <a:pt x="38" y="208"/>
                    <a:pt x="44" y="205"/>
                    <a:pt x="43" y="209"/>
                  </a:cubicBezTo>
                  <a:cubicBezTo>
                    <a:pt x="46" y="207"/>
                    <a:pt x="55" y="211"/>
                    <a:pt x="57" y="209"/>
                  </a:cubicBezTo>
                  <a:cubicBezTo>
                    <a:pt x="57" y="208"/>
                    <a:pt x="57" y="209"/>
                    <a:pt x="59" y="209"/>
                  </a:cubicBezTo>
                  <a:cubicBezTo>
                    <a:pt x="58" y="209"/>
                    <a:pt x="59" y="208"/>
                    <a:pt x="59" y="208"/>
                  </a:cubicBezTo>
                  <a:cubicBezTo>
                    <a:pt x="60" y="208"/>
                    <a:pt x="59" y="209"/>
                    <a:pt x="59" y="209"/>
                  </a:cubicBezTo>
                  <a:cubicBezTo>
                    <a:pt x="62" y="208"/>
                    <a:pt x="64" y="207"/>
                    <a:pt x="64" y="204"/>
                  </a:cubicBezTo>
                  <a:cubicBezTo>
                    <a:pt x="64" y="203"/>
                    <a:pt x="67" y="198"/>
                    <a:pt x="64" y="196"/>
                  </a:cubicBezTo>
                  <a:cubicBezTo>
                    <a:pt x="63" y="195"/>
                    <a:pt x="65" y="194"/>
                    <a:pt x="63" y="192"/>
                  </a:cubicBezTo>
                  <a:cubicBezTo>
                    <a:pt x="63" y="191"/>
                    <a:pt x="62" y="191"/>
                    <a:pt x="60" y="191"/>
                  </a:cubicBezTo>
                  <a:cubicBezTo>
                    <a:pt x="61" y="190"/>
                    <a:pt x="61" y="189"/>
                    <a:pt x="61" y="188"/>
                  </a:cubicBezTo>
                  <a:cubicBezTo>
                    <a:pt x="60" y="187"/>
                    <a:pt x="59" y="189"/>
                    <a:pt x="59" y="189"/>
                  </a:cubicBezTo>
                  <a:cubicBezTo>
                    <a:pt x="58" y="189"/>
                    <a:pt x="59" y="188"/>
                    <a:pt x="59" y="187"/>
                  </a:cubicBezTo>
                  <a:cubicBezTo>
                    <a:pt x="58" y="187"/>
                    <a:pt x="55" y="187"/>
                    <a:pt x="54" y="186"/>
                  </a:cubicBezTo>
                  <a:cubicBezTo>
                    <a:pt x="53" y="186"/>
                    <a:pt x="54" y="185"/>
                    <a:pt x="53" y="185"/>
                  </a:cubicBezTo>
                  <a:cubicBezTo>
                    <a:pt x="52" y="185"/>
                    <a:pt x="51" y="185"/>
                    <a:pt x="51" y="184"/>
                  </a:cubicBezTo>
                  <a:cubicBezTo>
                    <a:pt x="50" y="181"/>
                    <a:pt x="53" y="183"/>
                    <a:pt x="53" y="183"/>
                  </a:cubicBezTo>
                  <a:cubicBezTo>
                    <a:pt x="56" y="182"/>
                    <a:pt x="57" y="181"/>
                    <a:pt x="63" y="181"/>
                  </a:cubicBezTo>
                  <a:cubicBezTo>
                    <a:pt x="64" y="180"/>
                    <a:pt x="63" y="180"/>
                    <a:pt x="61" y="180"/>
                  </a:cubicBezTo>
                  <a:cubicBezTo>
                    <a:pt x="62" y="177"/>
                    <a:pt x="66" y="179"/>
                    <a:pt x="67" y="180"/>
                  </a:cubicBezTo>
                  <a:cubicBezTo>
                    <a:pt x="68" y="180"/>
                    <a:pt x="70" y="178"/>
                    <a:pt x="70" y="180"/>
                  </a:cubicBezTo>
                  <a:cubicBezTo>
                    <a:pt x="72" y="178"/>
                    <a:pt x="72" y="175"/>
                    <a:pt x="76" y="175"/>
                  </a:cubicBezTo>
                  <a:cubicBezTo>
                    <a:pt x="74" y="171"/>
                    <a:pt x="78" y="173"/>
                    <a:pt x="78" y="170"/>
                  </a:cubicBezTo>
                  <a:cubicBezTo>
                    <a:pt x="83" y="170"/>
                    <a:pt x="83" y="170"/>
                    <a:pt x="83" y="170"/>
                  </a:cubicBezTo>
                  <a:cubicBezTo>
                    <a:pt x="83" y="169"/>
                    <a:pt x="82" y="169"/>
                    <a:pt x="81" y="169"/>
                  </a:cubicBezTo>
                  <a:cubicBezTo>
                    <a:pt x="82" y="168"/>
                    <a:pt x="84" y="168"/>
                    <a:pt x="83" y="165"/>
                  </a:cubicBezTo>
                  <a:cubicBezTo>
                    <a:pt x="86" y="165"/>
                    <a:pt x="85" y="167"/>
                    <a:pt x="87" y="165"/>
                  </a:cubicBezTo>
                  <a:cubicBezTo>
                    <a:pt x="85" y="160"/>
                    <a:pt x="89" y="162"/>
                    <a:pt x="89" y="158"/>
                  </a:cubicBezTo>
                  <a:cubicBezTo>
                    <a:pt x="90" y="157"/>
                    <a:pt x="92" y="158"/>
                    <a:pt x="93" y="158"/>
                  </a:cubicBezTo>
                  <a:cubicBezTo>
                    <a:pt x="94" y="157"/>
                    <a:pt x="94" y="156"/>
                    <a:pt x="95" y="156"/>
                  </a:cubicBezTo>
                  <a:cubicBezTo>
                    <a:pt x="96" y="155"/>
                    <a:pt x="95" y="157"/>
                    <a:pt x="96" y="157"/>
                  </a:cubicBezTo>
                  <a:cubicBezTo>
                    <a:pt x="97" y="157"/>
                    <a:pt x="96" y="156"/>
                    <a:pt x="97" y="156"/>
                  </a:cubicBezTo>
                  <a:cubicBezTo>
                    <a:pt x="98" y="156"/>
                    <a:pt x="99" y="156"/>
                    <a:pt x="101" y="156"/>
                  </a:cubicBezTo>
                  <a:cubicBezTo>
                    <a:pt x="102" y="155"/>
                    <a:pt x="102" y="153"/>
                    <a:pt x="104" y="154"/>
                  </a:cubicBezTo>
                  <a:cubicBezTo>
                    <a:pt x="104" y="152"/>
                    <a:pt x="101" y="152"/>
                    <a:pt x="101" y="149"/>
                  </a:cubicBezTo>
                  <a:cubicBezTo>
                    <a:pt x="104" y="148"/>
                    <a:pt x="103" y="148"/>
                    <a:pt x="102" y="144"/>
                  </a:cubicBezTo>
                  <a:cubicBezTo>
                    <a:pt x="102" y="142"/>
                    <a:pt x="104" y="140"/>
                    <a:pt x="103" y="138"/>
                  </a:cubicBezTo>
                  <a:cubicBezTo>
                    <a:pt x="107" y="138"/>
                    <a:pt x="107" y="138"/>
                    <a:pt x="107" y="138"/>
                  </a:cubicBezTo>
                  <a:cubicBezTo>
                    <a:pt x="110" y="138"/>
                    <a:pt x="105" y="135"/>
                    <a:pt x="109" y="136"/>
                  </a:cubicBezTo>
                  <a:cubicBezTo>
                    <a:pt x="109" y="137"/>
                    <a:pt x="110" y="136"/>
                    <a:pt x="111" y="137"/>
                  </a:cubicBezTo>
                  <a:cubicBezTo>
                    <a:pt x="110" y="139"/>
                    <a:pt x="110" y="137"/>
                    <a:pt x="110" y="139"/>
                  </a:cubicBezTo>
                  <a:cubicBezTo>
                    <a:pt x="110" y="141"/>
                    <a:pt x="110" y="143"/>
                    <a:pt x="112" y="142"/>
                  </a:cubicBezTo>
                  <a:cubicBezTo>
                    <a:pt x="112" y="144"/>
                    <a:pt x="112" y="145"/>
                    <a:pt x="111" y="145"/>
                  </a:cubicBezTo>
                  <a:cubicBezTo>
                    <a:pt x="111" y="147"/>
                    <a:pt x="115" y="144"/>
                    <a:pt x="117" y="146"/>
                  </a:cubicBezTo>
                  <a:cubicBezTo>
                    <a:pt x="116" y="149"/>
                    <a:pt x="110" y="147"/>
                    <a:pt x="110" y="150"/>
                  </a:cubicBezTo>
                  <a:cubicBezTo>
                    <a:pt x="109" y="152"/>
                    <a:pt x="112" y="152"/>
                    <a:pt x="113" y="153"/>
                  </a:cubicBezTo>
                  <a:cubicBezTo>
                    <a:pt x="114" y="153"/>
                    <a:pt x="114" y="155"/>
                    <a:pt x="116" y="155"/>
                  </a:cubicBezTo>
                  <a:cubicBezTo>
                    <a:pt x="115" y="153"/>
                    <a:pt x="112" y="153"/>
                    <a:pt x="117" y="153"/>
                  </a:cubicBezTo>
                  <a:cubicBezTo>
                    <a:pt x="118" y="153"/>
                    <a:pt x="119" y="153"/>
                    <a:pt x="121" y="153"/>
                  </a:cubicBezTo>
                  <a:cubicBezTo>
                    <a:pt x="122" y="153"/>
                    <a:pt x="123" y="154"/>
                    <a:pt x="124" y="154"/>
                  </a:cubicBezTo>
                  <a:cubicBezTo>
                    <a:pt x="127" y="154"/>
                    <a:pt x="127" y="152"/>
                    <a:pt x="130" y="153"/>
                  </a:cubicBezTo>
                  <a:cubicBezTo>
                    <a:pt x="130" y="153"/>
                    <a:pt x="134" y="154"/>
                    <a:pt x="135" y="153"/>
                  </a:cubicBezTo>
                  <a:cubicBezTo>
                    <a:pt x="135" y="153"/>
                    <a:pt x="135" y="152"/>
                    <a:pt x="135" y="152"/>
                  </a:cubicBezTo>
                  <a:cubicBezTo>
                    <a:pt x="137" y="151"/>
                    <a:pt x="141" y="152"/>
                    <a:pt x="142" y="150"/>
                  </a:cubicBezTo>
                  <a:cubicBezTo>
                    <a:pt x="145" y="154"/>
                    <a:pt x="148" y="147"/>
                    <a:pt x="150" y="149"/>
                  </a:cubicBezTo>
                  <a:cubicBezTo>
                    <a:pt x="150" y="145"/>
                    <a:pt x="150" y="145"/>
                    <a:pt x="150" y="145"/>
                  </a:cubicBezTo>
                  <a:cubicBezTo>
                    <a:pt x="152" y="146"/>
                    <a:pt x="152" y="144"/>
                    <a:pt x="152" y="143"/>
                  </a:cubicBezTo>
                  <a:cubicBezTo>
                    <a:pt x="152" y="143"/>
                    <a:pt x="153" y="140"/>
                    <a:pt x="153" y="140"/>
                  </a:cubicBezTo>
                  <a:cubicBezTo>
                    <a:pt x="154" y="140"/>
                    <a:pt x="153" y="140"/>
                    <a:pt x="153" y="138"/>
                  </a:cubicBezTo>
                  <a:cubicBezTo>
                    <a:pt x="155" y="138"/>
                    <a:pt x="157" y="137"/>
                    <a:pt x="157" y="136"/>
                  </a:cubicBezTo>
                  <a:cubicBezTo>
                    <a:pt x="158" y="136"/>
                    <a:pt x="158" y="137"/>
                    <a:pt x="158" y="138"/>
                  </a:cubicBezTo>
                  <a:cubicBezTo>
                    <a:pt x="159" y="137"/>
                    <a:pt x="160" y="137"/>
                    <a:pt x="162" y="137"/>
                  </a:cubicBezTo>
                  <a:cubicBezTo>
                    <a:pt x="163" y="136"/>
                    <a:pt x="162" y="135"/>
                    <a:pt x="164" y="135"/>
                  </a:cubicBezTo>
                  <a:cubicBezTo>
                    <a:pt x="164" y="132"/>
                    <a:pt x="163" y="131"/>
                    <a:pt x="162" y="131"/>
                  </a:cubicBezTo>
                  <a:cubicBezTo>
                    <a:pt x="162" y="130"/>
                    <a:pt x="163" y="129"/>
                    <a:pt x="163" y="127"/>
                  </a:cubicBezTo>
                  <a:cubicBezTo>
                    <a:pt x="164" y="127"/>
                    <a:pt x="166" y="127"/>
                    <a:pt x="165" y="125"/>
                  </a:cubicBezTo>
                  <a:cubicBezTo>
                    <a:pt x="168" y="128"/>
                    <a:pt x="168" y="124"/>
                    <a:pt x="172" y="125"/>
                  </a:cubicBezTo>
                  <a:cubicBezTo>
                    <a:pt x="172" y="125"/>
                    <a:pt x="173" y="126"/>
                    <a:pt x="173" y="126"/>
                  </a:cubicBezTo>
                  <a:cubicBezTo>
                    <a:pt x="174" y="126"/>
                    <a:pt x="174" y="125"/>
                    <a:pt x="175" y="125"/>
                  </a:cubicBezTo>
                  <a:cubicBezTo>
                    <a:pt x="176" y="125"/>
                    <a:pt x="177" y="126"/>
                    <a:pt x="177" y="126"/>
                  </a:cubicBezTo>
                  <a:cubicBezTo>
                    <a:pt x="178" y="126"/>
                    <a:pt x="177" y="125"/>
                    <a:pt x="178" y="124"/>
                  </a:cubicBezTo>
                  <a:cubicBezTo>
                    <a:pt x="178" y="124"/>
                    <a:pt x="179" y="124"/>
                    <a:pt x="180" y="124"/>
                  </a:cubicBezTo>
                  <a:cubicBezTo>
                    <a:pt x="181" y="123"/>
                    <a:pt x="181" y="121"/>
                    <a:pt x="184" y="122"/>
                  </a:cubicBezTo>
                  <a:cubicBezTo>
                    <a:pt x="182" y="121"/>
                    <a:pt x="183" y="118"/>
                    <a:pt x="181" y="117"/>
                  </a:cubicBezTo>
                  <a:cubicBezTo>
                    <a:pt x="179" y="116"/>
                    <a:pt x="179" y="119"/>
                    <a:pt x="179" y="119"/>
                  </a:cubicBezTo>
                  <a:cubicBezTo>
                    <a:pt x="178" y="120"/>
                    <a:pt x="178" y="118"/>
                    <a:pt x="177" y="118"/>
                  </a:cubicBezTo>
                  <a:cubicBezTo>
                    <a:pt x="176" y="119"/>
                    <a:pt x="176" y="119"/>
                    <a:pt x="176" y="119"/>
                  </a:cubicBezTo>
                  <a:cubicBezTo>
                    <a:pt x="175" y="119"/>
                    <a:pt x="175" y="118"/>
                    <a:pt x="174" y="118"/>
                  </a:cubicBezTo>
                  <a:cubicBezTo>
                    <a:pt x="172" y="119"/>
                    <a:pt x="171" y="120"/>
                    <a:pt x="169" y="119"/>
                  </a:cubicBezTo>
                  <a:cubicBezTo>
                    <a:pt x="168" y="119"/>
                    <a:pt x="168" y="121"/>
                    <a:pt x="168" y="121"/>
                  </a:cubicBezTo>
                  <a:cubicBezTo>
                    <a:pt x="164" y="120"/>
                    <a:pt x="160" y="122"/>
                    <a:pt x="157" y="120"/>
                  </a:cubicBezTo>
                  <a:cubicBezTo>
                    <a:pt x="157" y="120"/>
                    <a:pt x="157" y="119"/>
                    <a:pt x="157" y="118"/>
                  </a:cubicBezTo>
                  <a:cubicBezTo>
                    <a:pt x="156" y="118"/>
                    <a:pt x="153" y="119"/>
                    <a:pt x="153" y="117"/>
                  </a:cubicBezTo>
                  <a:cubicBezTo>
                    <a:pt x="155" y="112"/>
                    <a:pt x="154" y="109"/>
                    <a:pt x="153" y="103"/>
                  </a:cubicBezTo>
                  <a:cubicBezTo>
                    <a:pt x="155" y="103"/>
                    <a:pt x="159" y="99"/>
                    <a:pt x="161" y="101"/>
                  </a:cubicBezTo>
                  <a:cubicBezTo>
                    <a:pt x="162" y="100"/>
                    <a:pt x="160" y="100"/>
                    <a:pt x="162" y="97"/>
                  </a:cubicBezTo>
                  <a:cubicBezTo>
                    <a:pt x="165" y="98"/>
                    <a:pt x="165" y="92"/>
                    <a:pt x="165" y="91"/>
                  </a:cubicBezTo>
                  <a:cubicBezTo>
                    <a:pt x="165" y="91"/>
                    <a:pt x="167" y="91"/>
                    <a:pt x="167" y="91"/>
                  </a:cubicBezTo>
                  <a:cubicBezTo>
                    <a:pt x="167" y="89"/>
                    <a:pt x="164" y="88"/>
                    <a:pt x="165" y="86"/>
                  </a:cubicBezTo>
                  <a:cubicBezTo>
                    <a:pt x="164" y="87"/>
                    <a:pt x="162" y="86"/>
                    <a:pt x="160" y="86"/>
                  </a:cubicBezTo>
                  <a:cubicBezTo>
                    <a:pt x="157" y="86"/>
                    <a:pt x="155" y="88"/>
                    <a:pt x="153" y="88"/>
                  </a:cubicBezTo>
                  <a:cubicBezTo>
                    <a:pt x="152" y="87"/>
                    <a:pt x="151" y="94"/>
                    <a:pt x="152" y="92"/>
                  </a:cubicBezTo>
                  <a:cubicBezTo>
                    <a:pt x="151" y="93"/>
                    <a:pt x="151" y="91"/>
                    <a:pt x="150" y="92"/>
                  </a:cubicBezTo>
                  <a:cubicBezTo>
                    <a:pt x="150" y="93"/>
                    <a:pt x="151" y="95"/>
                    <a:pt x="150" y="96"/>
                  </a:cubicBezTo>
                  <a:cubicBezTo>
                    <a:pt x="150" y="96"/>
                    <a:pt x="148" y="98"/>
                    <a:pt x="146" y="99"/>
                  </a:cubicBezTo>
                  <a:cubicBezTo>
                    <a:pt x="144" y="102"/>
                    <a:pt x="144" y="104"/>
                    <a:pt x="140" y="104"/>
                  </a:cubicBezTo>
                  <a:cubicBezTo>
                    <a:pt x="139" y="106"/>
                    <a:pt x="141" y="107"/>
                    <a:pt x="140" y="107"/>
                  </a:cubicBezTo>
                  <a:cubicBezTo>
                    <a:pt x="138" y="107"/>
                    <a:pt x="139" y="108"/>
                    <a:pt x="139" y="109"/>
                  </a:cubicBezTo>
                  <a:cubicBezTo>
                    <a:pt x="138" y="109"/>
                    <a:pt x="137" y="109"/>
                    <a:pt x="137" y="109"/>
                  </a:cubicBezTo>
                  <a:cubicBezTo>
                    <a:pt x="137" y="109"/>
                    <a:pt x="137" y="111"/>
                    <a:pt x="137" y="111"/>
                  </a:cubicBezTo>
                  <a:cubicBezTo>
                    <a:pt x="137" y="111"/>
                    <a:pt x="136" y="111"/>
                    <a:pt x="136" y="111"/>
                  </a:cubicBezTo>
                  <a:cubicBezTo>
                    <a:pt x="135" y="112"/>
                    <a:pt x="137" y="115"/>
                    <a:pt x="135" y="115"/>
                  </a:cubicBezTo>
                  <a:cubicBezTo>
                    <a:pt x="135" y="116"/>
                    <a:pt x="138" y="116"/>
                    <a:pt x="136" y="117"/>
                  </a:cubicBezTo>
                  <a:cubicBezTo>
                    <a:pt x="137" y="118"/>
                    <a:pt x="138" y="119"/>
                    <a:pt x="141" y="119"/>
                  </a:cubicBezTo>
                  <a:cubicBezTo>
                    <a:pt x="141" y="121"/>
                    <a:pt x="141" y="122"/>
                    <a:pt x="143" y="122"/>
                  </a:cubicBezTo>
                  <a:cubicBezTo>
                    <a:pt x="142" y="123"/>
                    <a:pt x="141" y="123"/>
                    <a:pt x="141" y="124"/>
                  </a:cubicBezTo>
                  <a:cubicBezTo>
                    <a:pt x="140" y="125"/>
                    <a:pt x="140" y="126"/>
                    <a:pt x="140" y="127"/>
                  </a:cubicBezTo>
                  <a:cubicBezTo>
                    <a:pt x="139" y="128"/>
                    <a:pt x="137" y="128"/>
                    <a:pt x="136" y="128"/>
                  </a:cubicBezTo>
                  <a:cubicBezTo>
                    <a:pt x="135" y="132"/>
                    <a:pt x="132" y="133"/>
                    <a:pt x="133" y="138"/>
                  </a:cubicBezTo>
                  <a:cubicBezTo>
                    <a:pt x="129" y="137"/>
                    <a:pt x="130" y="143"/>
                    <a:pt x="127" y="143"/>
                  </a:cubicBezTo>
                  <a:cubicBezTo>
                    <a:pt x="127" y="143"/>
                    <a:pt x="127" y="143"/>
                    <a:pt x="126" y="143"/>
                  </a:cubicBezTo>
                  <a:cubicBezTo>
                    <a:pt x="125" y="144"/>
                    <a:pt x="126" y="145"/>
                    <a:pt x="125" y="145"/>
                  </a:cubicBezTo>
                  <a:cubicBezTo>
                    <a:pt x="124" y="146"/>
                    <a:pt x="122" y="144"/>
                    <a:pt x="121" y="146"/>
                  </a:cubicBezTo>
                  <a:cubicBezTo>
                    <a:pt x="118" y="146"/>
                    <a:pt x="120" y="142"/>
                    <a:pt x="120" y="140"/>
                  </a:cubicBezTo>
                  <a:cubicBezTo>
                    <a:pt x="119" y="140"/>
                    <a:pt x="119" y="138"/>
                    <a:pt x="118" y="138"/>
                  </a:cubicBezTo>
                  <a:cubicBezTo>
                    <a:pt x="115" y="137"/>
                    <a:pt x="119" y="135"/>
                    <a:pt x="115" y="135"/>
                  </a:cubicBezTo>
                  <a:cubicBezTo>
                    <a:pt x="116" y="133"/>
                    <a:pt x="113" y="132"/>
                    <a:pt x="113" y="131"/>
                  </a:cubicBezTo>
                  <a:cubicBezTo>
                    <a:pt x="113" y="130"/>
                    <a:pt x="114" y="130"/>
                    <a:pt x="114" y="129"/>
                  </a:cubicBezTo>
                  <a:cubicBezTo>
                    <a:pt x="114" y="126"/>
                    <a:pt x="111" y="125"/>
                    <a:pt x="109" y="123"/>
                  </a:cubicBezTo>
                  <a:cubicBezTo>
                    <a:pt x="106" y="124"/>
                    <a:pt x="107" y="129"/>
                    <a:pt x="102" y="128"/>
                  </a:cubicBezTo>
                  <a:cubicBezTo>
                    <a:pt x="102" y="129"/>
                    <a:pt x="104" y="129"/>
                    <a:pt x="104" y="129"/>
                  </a:cubicBezTo>
                  <a:cubicBezTo>
                    <a:pt x="104" y="130"/>
                    <a:pt x="103" y="130"/>
                    <a:pt x="102" y="130"/>
                  </a:cubicBezTo>
                  <a:cubicBezTo>
                    <a:pt x="101" y="130"/>
                    <a:pt x="102" y="133"/>
                    <a:pt x="100" y="133"/>
                  </a:cubicBezTo>
                  <a:cubicBezTo>
                    <a:pt x="95" y="134"/>
                    <a:pt x="96" y="129"/>
                    <a:pt x="92" y="130"/>
                  </a:cubicBezTo>
                  <a:cubicBezTo>
                    <a:pt x="92" y="129"/>
                    <a:pt x="93" y="129"/>
                    <a:pt x="94" y="129"/>
                  </a:cubicBezTo>
                  <a:cubicBezTo>
                    <a:pt x="95" y="126"/>
                    <a:pt x="91" y="124"/>
                    <a:pt x="94" y="123"/>
                  </a:cubicBezTo>
                  <a:cubicBezTo>
                    <a:pt x="93" y="122"/>
                    <a:pt x="92" y="122"/>
                    <a:pt x="91" y="121"/>
                  </a:cubicBezTo>
                  <a:cubicBezTo>
                    <a:pt x="90" y="120"/>
                    <a:pt x="92" y="120"/>
                    <a:pt x="92" y="119"/>
                  </a:cubicBezTo>
                  <a:cubicBezTo>
                    <a:pt x="92" y="118"/>
                    <a:pt x="90" y="118"/>
                    <a:pt x="90" y="117"/>
                  </a:cubicBezTo>
                  <a:cubicBezTo>
                    <a:pt x="90" y="116"/>
                    <a:pt x="91" y="111"/>
                    <a:pt x="90" y="115"/>
                  </a:cubicBezTo>
                  <a:cubicBezTo>
                    <a:pt x="88" y="114"/>
                    <a:pt x="89" y="112"/>
                    <a:pt x="91" y="113"/>
                  </a:cubicBezTo>
                  <a:cubicBezTo>
                    <a:pt x="89" y="109"/>
                    <a:pt x="94" y="109"/>
                    <a:pt x="92" y="108"/>
                  </a:cubicBezTo>
                  <a:cubicBezTo>
                    <a:pt x="92" y="107"/>
                    <a:pt x="95" y="108"/>
                    <a:pt x="95" y="106"/>
                  </a:cubicBezTo>
                  <a:cubicBezTo>
                    <a:pt x="95" y="105"/>
                    <a:pt x="96" y="106"/>
                    <a:pt x="96" y="106"/>
                  </a:cubicBezTo>
                  <a:cubicBezTo>
                    <a:pt x="97" y="105"/>
                    <a:pt x="97" y="104"/>
                    <a:pt x="98" y="104"/>
                  </a:cubicBezTo>
                  <a:cubicBezTo>
                    <a:pt x="99" y="104"/>
                    <a:pt x="98" y="102"/>
                    <a:pt x="99" y="101"/>
                  </a:cubicBezTo>
                  <a:cubicBezTo>
                    <a:pt x="101" y="102"/>
                    <a:pt x="102" y="101"/>
                    <a:pt x="101" y="99"/>
                  </a:cubicBezTo>
                  <a:cubicBezTo>
                    <a:pt x="104" y="99"/>
                    <a:pt x="103" y="103"/>
                    <a:pt x="106" y="101"/>
                  </a:cubicBezTo>
                  <a:cubicBezTo>
                    <a:pt x="106" y="100"/>
                    <a:pt x="105" y="101"/>
                    <a:pt x="104" y="100"/>
                  </a:cubicBezTo>
                  <a:cubicBezTo>
                    <a:pt x="107" y="98"/>
                    <a:pt x="110" y="99"/>
                    <a:pt x="112" y="96"/>
                  </a:cubicBezTo>
                  <a:cubicBezTo>
                    <a:pt x="112" y="96"/>
                    <a:pt x="112" y="95"/>
                    <a:pt x="112" y="95"/>
                  </a:cubicBezTo>
                  <a:cubicBezTo>
                    <a:pt x="112" y="94"/>
                    <a:pt x="114" y="95"/>
                    <a:pt x="114" y="95"/>
                  </a:cubicBezTo>
                  <a:cubicBezTo>
                    <a:pt x="114" y="94"/>
                    <a:pt x="114" y="92"/>
                    <a:pt x="114" y="92"/>
                  </a:cubicBezTo>
                  <a:cubicBezTo>
                    <a:pt x="114" y="91"/>
                    <a:pt x="116" y="90"/>
                    <a:pt x="117" y="90"/>
                  </a:cubicBezTo>
                  <a:cubicBezTo>
                    <a:pt x="117" y="89"/>
                    <a:pt x="116" y="87"/>
                    <a:pt x="117" y="86"/>
                  </a:cubicBezTo>
                  <a:cubicBezTo>
                    <a:pt x="117" y="86"/>
                    <a:pt x="118" y="87"/>
                    <a:pt x="119" y="87"/>
                  </a:cubicBezTo>
                  <a:cubicBezTo>
                    <a:pt x="118" y="88"/>
                    <a:pt x="120" y="82"/>
                    <a:pt x="120" y="82"/>
                  </a:cubicBezTo>
                  <a:cubicBezTo>
                    <a:pt x="122" y="84"/>
                    <a:pt x="122" y="81"/>
                    <a:pt x="124" y="80"/>
                  </a:cubicBezTo>
                  <a:cubicBezTo>
                    <a:pt x="124" y="79"/>
                    <a:pt x="126" y="78"/>
                    <a:pt x="124" y="77"/>
                  </a:cubicBezTo>
                  <a:cubicBezTo>
                    <a:pt x="125" y="76"/>
                    <a:pt x="127" y="77"/>
                    <a:pt x="127" y="75"/>
                  </a:cubicBezTo>
                  <a:cubicBezTo>
                    <a:pt x="127" y="73"/>
                    <a:pt x="129" y="74"/>
                    <a:pt x="130" y="74"/>
                  </a:cubicBezTo>
                  <a:cubicBezTo>
                    <a:pt x="130" y="72"/>
                    <a:pt x="130" y="72"/>
                    <a:pt x="129" y="72"/>
                  </a:cubicBezTo>
                  <a:cubicBezTo>
                    <a:pt x="132" y="70"/>
                    <a:pt x="134" y="69"/>
                    <a:pt x="136" y="69"/>
                  </a:cubicBezTo>
                  <a:cubicBezTo>
                    <a:pt x="137" y="68"/>
                    <a:pt x="136" y="67"/>
                    <a:pt x="137" y="65"/>
                  </a:cubicBezTo>
                  <a:cubicBezTo>
                    <a:pt x="138" y="64"/>
                    <a:pt x="140" y="64"/>
                    <a:pt x="140" y="62"/>
                  </a:cubicBezTo>
                  <a:cubicBezTo>
                    <a:pt x="140" y="60"/>
                    <a:pt x="142" y="63"/>
                    <a:pt x="143" y="59"/>
                  </a:cubicBezTo>
                  <a:cubicBezTo>
                    <a:pt x="146" y="58"/>
                    <a:pt x="150" y="61"/>
                    <a:pt x="150" y="55"/>
                  </a:cubicBezTo>
                  <a:cubicBezTo>
                    <a:pt x="152" y="57"/>
                    <a:pt x="156" y="54"/>
                    <a:pt x="159" y="56"/>
                  </a:cubicBezTo>
                  <a:cubicBezTo>
                    <a:pt x="160" y="56"/>
                    <a:pt x="160" y="55"/>
                    <a:pt x="161" y="54"/>
                  </a:cubicBezTo>
                  <a:cubicBezTo>
                    <a:pt x="163" y="52"/>
                    <a:pt x="166" y="57"/>
                    <a:pt x="165" y="53"/>
                  </a:cubicBezTo>
                  <a:cubicBezTo>
                    <a:pt x="167" y="53"/>
                    <a:pt x="167" y="55"/>
                    <a:pt x="169" y="55"/>
                  </a:cubicBezTo>
                  <a:cubicBezTo>
                    <a:pt x="171" y="55"/>
                    <a:pt x="170" y="52"/>
                    <a:pt x="173" y="54"/>
                  </a:cubicBezTo>
                  <a:cubicBezTo>
                    <a:pt x="173" y="55"/>
                    <a:pt x="172" y="55"/>
                    <a:pt x="172" y="56"/>
                  </a:cubicBezTo>
                  <a:cubicBezTo>
                    <a:pt x="173" y="57"/>
                    <a:pt x="177" y="52"/>
                    <a:pt x="180" y="54"/>
                  </a:cubicBezTo>
                  <a:cubicBezTo>
                    <a:pt x="181" y="56"/>
                    <a:pt x="180" y="54"/>
                    <a:pt x="182" y="54"/>
                  </a:cubicBezTo>
                  <a:cubicBezTo>
                    <a:pt x="184" y="55"/>
                    <a:pt x="186" y="56"/>
                    <a:pt x="188" y="55"/>
                  </a:cubicBezTo>
                  <a:cubicBezTo>
                    <a:pt x="188" y="56"/>
                    <a:pt x="189" y="58"/>
                    <a:pt x="188" y="58"/>
                  </a:cubicBezTo>
                  <a:cubicBezTo>
                    <a:pt x="188" y="59"/>
                    <a:pt x="187" y="58"/>
                    <a:pt x="186" y="58"/>
                  </a:cubicBezTo>
                  <a:cubicBezTo>
                    <a:pt x="186" y="59"/>
                    <a:pt x="186" y="61"/>
                    <a:pt x="184" y="60"/>
                  </a:cubicBezTo>
                  <a:cubicBezTo>
                    <a:pt x="186" y="62"/>
                    <a:pt x="192" y="61"/>
                    <a:pt x="194" y="60"/>
                  </a:cubicBezTo>
                  <a:cubicBezTo>
                    <a:pt x="196" y="59"/>
                    <a:pt x="195" y="62"/>
                    <a:pt x="196" y="62"/>
                  </a:cubicBezTo>
                  <a:cubicBezTo>
                    <a:pt x="197" y="63"/>
                    <a:pt x="199" y="61"/>
                    <a:pt x="199" y="63"/>
                  </a:cubicBezTo>
                  <a:cubicBezTo>
                    <a:pt x="206" y="61"/>
                    <a:pt x="207" y="67"/>
                    <a:pt x="211" y="65"/>
                  </a:cubicBezTo>
                  <a:cubicBezTo>
                    <a:pt x="210" y="68"/>
                    <a:pt x="214" y="66"/>
                    <a:pt x="214" y="69"/>
                  </a:cubicBezTo>
                  <a:cubicBezTo>
                    <a:pt x="217" y="69"/>
                    <a:pt x="220" y="68"/>
                    <a:pt x="218" y="71"/>
                  </a:cubicBezTo>
                  <a:cubicBezTo>
                    <a:pt x="220" y="71"/>
                    <a:pt x="222" y="71"/>
                    <a:pt x="224" y="72"/>
                  </a:cubicBezTo>
                  <a:cubicBezTo>
                    <a:pt x="224" y="72"/>
                    <a:pt x="223" y="73"/>
                    <a:pt x="224" y="74"/>
                  </a:cubicBezTo>
                  <a:cubicBezTo>
                    <a:pt x="224" y="74"/>
                    <a:pt x="226" y="73"/>
                    <a:pt x="227" y="74"/>
                  </a:cubicBezTo>
                  <a:cubicBezTo>
                    <a:pt x="227" y="77"/>
                    <a:pt x="227" y="78"/>
                    <a:pt x="227" y="82"/>
                  </a:cubicBezTo>
                  <a:cubicBezTo>
                    <a:pt x="225" y="80"/>
                    <a:pt x="223" y="83"/>
                    <a:pt x="221" y="83"/>
                  </a:cubicBezTo>
                  <a:cubicBezTo>
                    <a:pt x="218" y="83"/>
                    <a:pt x="215" y="80"/>
                    <a:pt x="212" y="83"/>
                  </a:cubicBezTo>
                  <a:cubicBezTo>
                    <a:pt x="211" y="84"/>
                    <a:pt x="212" y="81"/>
                    <a:pt x="211" y="81"/>
                  </a:cubicBezTo>
                  <a:cubicBezTo>
                    <a:pt x="210" y="81"/>
                    <a:pt x="210" y="82"/>
                    <a:pt x="209" y="82"/>
                  </a:cubicBezTo>
                  <a:cubicBezTo>
                    <a:pt x="208" y="82"/>
                    <a:pt x="208" y="80"/>
                    <a:pt x="207" y="80"/>
                  </a:cubicBezTo>
                  <a:cubicBezTo>
                    <a:pt x="206" y="80"/>
                    <a:pt x="203" y="83"/>
                    <a:pt x="204" y="79"/>
                  </a:cubicBezTo>
                  <a:cubicBezTo>
                    <a:pt x="201" y="80"/>
                    <a:pt x="201" y="79"/>
                    <a:pt x="198" y="79"/>
                  </a:cubicBezTo>
                  <a:cubicBezTo>
                    <a:pt x="198" y="81"/>
                    <a:pt x="199" y="81"/>
                    <a:pt x="200" y="81"/>
                  </a:cubicBezTo>
                  <a:cubicBezTo>
                    <a:pt x="201" y="81"/>
                    <a:pt x="201" y="82"/>
                    <a:pt x="203" y="82"/>
                  </a:cubicBezTo>
                  <a:cubicBezTo>
                    <a:pt x="201" y="84"/>
                    <a:pt x="203" y="83"/>
                    <a:pt x="204" y="84"/>
                  </a:cubicBezTo>
                  <a:cubicBezTo>
                    <a:pt x="204" y="84"/>
                    <a:pt x="203" y="86"/>
                    <a:pt x="204" y="86"/>
                  </a:cubicBezTo>
                  <a:cubicBezTo>
                    <a:pt x="204" y="87"/>
                    <a:pt x="205" y="87"/>
                    <a:pt x="206" y="88"/>
                  </a:cubicBezTo>
                  <a:cubicBezTo>
                    <a:pt x="206" y="89"/>
                    <a:pt x="208" y="92"/>
                    <a:pt x="207" y="95"/>
                  </a:cubicBezTo>
                  <a:cubicBezTo>
                    <a:pt x="208" y="98"/>
                    <a:pt x="213" y="96"/>
                    <a:pt x="214" y="98"/>
                  </a:cubicBezTo>
                  <a:cubicBezTo>
                    <a:pt x="215" y="98"/>
                    <a:pt x="215" y="96"/>
                    <a:pt x="217" y="96"/>
                  </a:cubicBezTo>
                  <a:cubicBezTo>
                    <a:pt x="217" y="94"/>
                    <a:pt x="212" y="95"/>
                    <a:pt x="211" y="93"/>
                  </a:cubicBezTo>
                  <a:cubicBezTo>
                    <a:pt x="211" y="89"/>
                    <a:pt x="216" y="92"/>
                    <a:pt x="219" y="91"/>
                  </a:cubicBezTo>
                  <a:cubicBezTo>
                    <a:pt x="218" y="93"/>
                    <a:pt x="223" y="90"/>
                    <a:pt x="222" y="94"/>
                  </a:cubicBezTo>
                  <a:cubicBezTo>
                    <a:pt x="224" y="95"/>
                    <a:pt x="226" y="91"/>
                    <a:pt x="226" y="95"/>
                  </a:cubicBezTo>
                  <a:cubicBezTo>
                    <a:pt x="228" y="93"/>
                    <a:pt x="226" y="90"/>
                    <a:pt x="224" y="90"/>
                  </a:cubicBezTo>
                  <a:cubicBezTo>
                    <a:pt x="224" y="88"/>
                    <a:pt x="226" y="87"/>
                    <a:pt x="228" y="87"/>
                  </a:cubicBezTo>
                  <a:cubicBezTo>
                    <a:pt x="230" y="86"/>
                    <a:pt x="230" y="83"/>
                    <a:pt x="231" y="82"/>
                  </a:cubicBezTo>
                  <a:cubicBezTo>
                    <a:pt x="235" y="82"/>
                    <a:pt x="237" y="83"/>
                    <a:pt x="240" y="84"/>
                  </a:cubicBezTo>
                  <a:cubicBezTo>
                    <a:pt x="241" y="84"/>
                    <a:pt x="241" y="82"/>
                    <a:pt x="242" y="82"/>
                  </a:cubicBezTo>
                  <a:cubicBezTo>
                    <a:pt x="242" y="81"/>
                    <a:pt x="241" y="80"/>
                    <a:pt x="240" y="79"/>
                  </a:cubicBezTo>
                  <a:cubicBezTo>
                    <a:pt x="241" y="76"/>
                    <a:pt x="241" y="72"/>
                    <a:pt x="241" y="69"/>
                  </a:cubicBezTo>
                  <a:cubicBezTo>
                    <a:pt x="244" y="69"/>
                    <a:pt x="247" y="69"/>
                    <a:pt x="248" y="70"/>
                  </a:cubicBezTo>
                  <a:cubicBezTo>
                    <a:pt x="249" y="70"/>
                    <a:pt x="252" y="70"/>
                    <a:pt x="251" y="73"/>
                  </a:cubicBezTo>
                  <a:cubicBezTo>
                    <a:pt x="246" y="73"/>
                    <a:pt x="246" y="73"/>
                    <a:pt x="246" y="73"/>
                  </a:cubicBezTo>
                  <a:cubicBezTo>
                    <a:pt x="246" y="75"/>
                    <a:pt x="246" y="75"/>
                    <a:pt x="246" y="75"/>
                  </a:cubicBezTo>
                  <a:cubicBezTo>
                    <a:pt x="248" y="78"/>
                    <a:pt x="248" y="75"/>
                    <a:pt x="250" y="76"/>
                  </a:cubicBezTo>
                  <a:cubicBezTo>
                    <a:pt x="251" y="77"/>
                    <a:pt x="247" y="77"/>
                    <a:pt x="248" y="77"/>
                  </a:cubicBezTo>
                  <a:cubicBezTo>
                    <a:pt x="247" y="79"/>
                    <a:pt x="250" y="77"/>
                    <a:pt x="251" y="79"/>
                  </a:cubicBezTo>
                  <a:cubicBezTo>
                    <a:pt x="253" y="78"/>
                    <a:pt x="255" y="77"/>
                    <a:pt x="256" y="75"/>
                  </a:cubicBezTo>
                  <a:cubicBezTo>
                    <a:pt x="256" y="75"/>
                    <a:pt x="257" y="75"/>
                    <a:pt x="257" y="74"/>
                  </a:cubicBezTo>
                  <a:cubicBezTo>
                    <a:pt x="261" y="75"/>
                    <a:pt x="261" y="71"/>
                    <a:pt x="265" y="72"/>
                  </a:cubicBezTo>
                  <a:cubicBezTo>
                    <a:pt x="266" y="71"/>
                    <a:pt x="267" y="70"/>
                    <a:pt x="267" y="69"/>
                  </a:cubicBezTo>
                  <a:cubicBezTo>
                    <a:pt x="268" y="69"/>
                    <a:pt x="269" y="68"/>
                    <a:pt x="269" y="67"/>
                  </a:cubicBezTo>
                  <a:cubicBezTo>
                    <a:pt x="273" y="70"/>
                    <a:pt x="276" y="65"/>
                    <a:pt x="280" y="65"/>
                  </a:cubicBezTo>
                  <a:cubicBezTo>
                    <a:pt x="280" y="69"/>
                    <a:pt x="280" y="69"/>
                    <a:pt x="280" y="69"/>
                  </a:cubicBezTo>
                  <a:cubicBezTo>
                    <a:pt x="283" y="69"/>
                    <a:pt x="286" y="69"/>
                    <a:pt x="289" y="68"/>
                  </a:cubicBezTo>
                  <a:cubicBezTo>
                    <a:pt x="289" y="68"/>
                    <a:pt x="290" y="68"/>
                    <a:pt x="290" y="68"/>
                  </a:cubicBezTo>
                  <a:cubicBezTo>
                    <a:pt x="291" y="68"/>
                    <a:pt x="290" y="67"/>
                    <a:pt x="290" y="67"/>
                  </a:cubicBezTo>
                  <a:cubicBezTo>
                    <a:pt x="292" y="66"/>
                    <a:pt x="295" y="67"/>
                    <a:pt x="295" y="64"/>
                  </a:cubicBezTo>
                  <a:cubicBezTo>
                    <a:pt x="298" y="65"/>
                    <a:pt x="301" y="65"/>
                    <a:pt x="303" y="68"/>
                  </a:cubicBezTo>
                  <a:cubicBezTo>
                    <a:pt x="304" y="67"/>
                    <a:pt x="305" y="66"/>
                    <a:pt x="306" y="65"/>
                  </a:cubicBezTo>
                  <a:cubicBezTo>
                    <a:pt x="306" y="64"/>
                    <a:pt x="302" y="63"/>
                    <a:pt x="305" y="62"/>
                  </a:cubicBezTo>
                  <a:cubicBezTo>
                    <a:pt x="303" y="60"/>
                    <a:pt x="299" y="61"/>
                    <a:pt x="300" y="55"/>
                  </a:cubicBezTo>
                  <a:cubicBezTo>
                    <a:pt x="302" y="56"/>
                    <a:pt x="302" y="58"/>
                    <a:pt x="305" y="58"/>
                  </a:cubicBezTo>
                  <a:cubicBezTo>
                    <a:pt x="306" y="59"/>
                    <a:pt x="308" y="61"/>
                    <a:pt x="310" y="60"/>
                  </a:cubicBezTo>
                  <a:cubicBezTo>
                    <a:pt x="311" y="60"/>
                    <a:pt x="311" y="59"/>
                    <a:pt x="311" y="59"/>
                  </a:cubicBezTo>
                  <a:cubicBezTo>
                    <a:pt x="312" y="59"/>
                    <a:pt x="313" y="61"/>
                    <a:pt x="313" y="59"/>
                  </a:cubicBezTo>
                  <a:cubicBezTo>
                    <a:pt x="314" y="59"/>
                    <a:pt x="315" y="61"/>
                    <a:pt x="315" y="61"/>
                  </a:cubicBezTo>
                  <a:cubicBezTo>
                    <a:pt x="317" y="62"/>
                    <a:pt x="319" y="61"/>
                    <a:pt x="318" y="63"/>
                  </a:cubicBezTo>
                  <a:cubicBezTo>
                    <a:pt x="321" y="62"/>
                    <a:pt x="322" y="64"/>
                    <a:pt x="326" y="62"/>
                  </a:cubicBezTo>
                  <a:cubicBezTo>
                    <a:pt x="325" y="65"/>
                    <a:pt x="329" y="63"/>
                    <a:pt x="328" y="66"/>
                  </a:cubicBezTo>
                  <a:cubicBezTo>
                    <a:pt x="329" y="66"/>
                    <a:pt x="330" y="67"/>
                    <a:pt x="331" y="68"/>
                  </a:cubicBezTo>
                  <a:cubicBezTo>
                    <a:pt x="334" y="67"/>
                    <a:pt x="334" y="70"/>
                    <a:pt x="337" y="69"/>
                  </a:cubicBezTo>
                  <a:cubicBezTo>
                    <a:pt x="339" y="63"/>
                    <a:pt x="332" y="66"/>
                    <a:pt x="333" y="60"/>
                  </a:cubicBezTo>
                  <a:cubicBezTo>
                    <a:pt x="333" y="59"/>
                    <a:pt x="332" y="61"/>
                    <a:pt x="331" y="60"/>
                  </a:cubicBezTo>
                  <a:cubicBezTo>
                    <a:pt x="331" y="58"/>
                    <a:pt x="332" y="57"/>
                    <a:pt x="332" y="54"/>
                  </a:cubicBezTo>
                  <a:cubicBezTo>
                    <a:pt x="332" y="53"/>
                    <a:pt x="330" y="54"/>
                    <a:pt x="330" y="54"/>
                  </a:cubicBezTo>
                  <a:cubicBezTo>
                    <a:pt x="329" y="53"/>
                    <a:pt x="331" y="51"/>
                    <a:pt x="330" y="52"/>
                  </a:cubicBezTo>
                  <a:cubicBezTo>
                    <a:pt x="330" y="50"/>
                    <a:pt x="332" y="50"/>
                    <a:pt x="332" y="48"/>
                  </a:cubicBezTo>
                  <a:cubicBezTo>
                    <a:pt x="333" y="48"/>
                    <a:pt x="333" y="45"/>
                    <a:pt x="335" y="46"/>
                  </a:cubicBezTo>
                  <a:cubicBezTo>
                    <a:pt x="335" y="44"/>
                    <a:pt x="336" y="43"/>
                    <a:pt x="338" y="43"/>
                  </a:cubicBezTo>
                  <a:cubicBezTo>
                    <a:pt x="337" y="39"/>
                    <a:pt x="341" y="40"/>
                    <a:pt x="341" y="36"/>
                  </a:cubicBezTo>
                  <a:cubicBezTo>
                    <a:pt x="346" y="36"/>
                    <a:pt x="347" y="38"/>
                    <a:pt x="351" y="38"/>
                  </a:cubicBezTo>
                  <a:cubicBezTo>
                    <a:pt x="351" y="40"/>
                    <a:pt x="350" y="41"/>
                    <a:pt x="352" y="41"/>
                  </a:cubicBezTo>
                  <a:cubicBezTo>
                    <a:pt x="351" y="42"/>
                    <a:pt x="350" y="42"/>
                    <a:pt x="349" y="42"/>
                  </a:cubicBezTo>
                  <a:cubicBezTo>
                    <a:pt x="349" y="46"/>
                    <a:pt x="350" y="47"/>
                    <a:pt x="349" y="51"/>
                  </a:cubicBezTo>
                  <a:cubicBezTo>
                    <a:pt x="349" y="51"/>
                    <a:pt x="350" y="52"/>
                    <a:pt x="351" y="53"/>
                  </a:cubicBezTo>
                  <a:cubicBezTo>
                    <a:pt x="351" y="53"/>
                    <a:pt x="351" y="54"/>
                    <a:pt x="352" y="54"/>
                  </a:cubicBezTo>
                  <a:cubicBezTo>
                    <a:pt x="351" y="56"/>
                    <a:pt x="352" y="61"/>
                    <a:pt x="351" y="63"/>
                  </a:cubicBezTo>
                  <a:cubicBezTo>
                    <a:pt x="350" y="66"/>
                    <a:pt x="353" y="65"/>
                    <a:pt x="353" y="67"/>
                  </a:cubicBezTo>
                  <a:cubicBezTo>
                    <a:pt x="353" y="74"/>
                    <a:pt x="349" y="79"/>
                    <a:pt x="343" y="81"/>
                  </a:cubicBezTo>
                  <a:cubicBezTo>
                    <a:pt x="343" y="83"/>
                    <a:pt x="347" y="81"/>
                    <a:pt x="348" y="83"/>
                  </a:cubicBezTo>
                  <a:cubicBezTo>
                    <a:pt x="350" y="83"/>
                    <a:pt x="349" y="80"/>
                    <a:pt x="352" y="80"/>
                  </a:cubicBezTo>
                  <a:cubicBezTo>
                    <a:pt x="352" y="81"/>
                    <a:pt x="352" y="82"/>
                    <a:pt x="352" y="83"/>
                  </a:cubicBezTo>
                  <a:cubicBezTo>
                    <a:pt x="353" y="83"/>
                    <a:pt x="352" y="81"/>
                    <a:pt x="353" y="81"/>
                  </a:cubicBezTo>
                  <a:cubicBezTo>
                    <a:pt x="355" y="82"/>
                    <a:pt x="354" y="80"/>
                    <a:pt x="354" y="79"/>
                  </a:cubicBezTo>
                  <a:cubicBezTo>
                    <a:pt x="355" y="79"/>
                    <a:pt x="356" y="80"/>
                    <a:pt x="356" y="79"/>
                  </a:cubicBezTo>
                  <a:cubicBezTo>
                    <a:pt x="357" y="79"/>
                    <a:pt x="356" y="77"/>
                    <a:pt x="356" y="76"/>
                  </a:cubicBezTo>
                  <a:cubicBezTo>
                    <a:pt x="359" y="76"/>
                    <a:pt x="359" y="76"/>
                    <a:pt x="359" y="76"/>
                  </a:cubicBezTo>
                  <a:cubicBezTo>
                    <a:pt x="358" y="73"/>
                    <a:pt x="362" y="71"/>
                    <a:pt x="359" y="69"/>
                  </a:cubicBezTo>
                  <a:cubicBezTo>
                    <a:pt x="359" y="68"/>
                    <a:pt x="361" y="68"/>
                    <a:pt x="361" y="67"/>
                  </a:cubicBezTo>
                  <a:cubicBezTo>
                    <a:pt x="361" y="66"/>
                    <a:pt x="360" y="66"/>
                    <a:pt x="359" y="66"/>
                  </a:cubicBezTo>
                  <a:cubicBezTo>
                    <a:pt x="359" y="64"/>
                    <a:pt x="363" y="66"/>
                    <a:pt x="364" y="65"/>
                  </a:cubicBezTo>
                  <a:cubicBezTo>
                    <a:pt x="363" y="64"/>
                    <a:pt x="364" y="61"/>
                    <a:pt x="361" y="62"/>
                  </a:cubicBezTo>
                  <a:cubicBezTo>
                    <a:pt x="359" y="63"/>
                    <a:pt x="357" y="60"/>
                    <a:pt x="357" y="62"/>
                  </a:cubicBezTo>
                  <a:cubicBezTo>
                    <a:pt x="356" y="60"/>
                    <a:pt x="356" y="58"/>
                    <a:pt x="356" y="56"/>
                  </a:cubicBezTo>
                  <a:cubicBezTo>
                    <a:pt x="356" y="56"/>
                    <a:pt x="358" y="57"/>
                    <a:pt x="358" y="56"/>
                  </a:cubicBezTo>
                  <a:cubicBezTo>
                    <a:pt x="359" y="56"/>
                    <a:pt x="358" y="53"/>
                    <a:pt x="358" y="52"/>
                  </a:cubicBezTo>
                  <a:cubicBezTo>
                    <a:pt x="358" y="50"/>
                    <a:pt x="357" y="51"/>
                    <a:pt x="357" y="52"/>
                  </a:cubicBezTo>
                  <a:cubicBezTo>
                    <a:pt x="355" y="50"/>
                    <a:pt x="357" y="48"/>
                    <a:pt x="355" y="46"/>
                  </a:cubicBezTo>
                  <a:cubicBezTo>
                    <a:pt x="359" y="47"/>
                    <a:pt x="358" y="43"/>
                    <a:pt x="360" y="43"/>
                  </a:cubicBezTo>
                  <a:cubicBezTo>
                    <a:pt x="360" y="38"/>
                    <a:pt x="360" y="38"/>
                    <a:pt x="360" y="38"/>
                  </a:cubicBezTo>
                  <a:cubicBezTo>
                    <a:pt x="363" y="37"/>
                    <a:pt x="362" y="41"/>
                    <a:pt x="362" y="43"/>
                  </a:cubicBezTo>
                  <a:cubicBezTo>
                    <a:pt x="362" y="45"/>
                    <a:pt x="364" y="42"/>
                    <a:pt x="364" y="44"/>
                  </a:cubicBezTo>
                  <a:cubicBezTo>
                    <a:pt x="364" y="45"/>
                    <a:pt x="363" y="45"/>
                    <a:pt x="363" y="45"/>
                  </a:cubicBezTo>
                  <a:cubicBezTo>
                    <a:pt x="364" y="48"/>
                    <a:pt x="366" y="48"/>
                    <a:pt x="369" y="50"/>
                  </a:cubicBezTo>
                  <a:cubicBezTo>
                    <a:pt x="371" y="50"/>
                    <a:pt x="369" y="47"/>
                    <a:pt x="368" y="47"/>
                  </a:cubicBezTo>
                  <a:cubicBezTo>
                    <a:pt x="369" y="45"/>
                    <a:pt x="372" y="45"/>
                    <a:pt x="374" y="45"/>
                  </a:cubicBezTo>
                  <a:cubicBezTo>
                    <a:pt x="374" y="44"/>
                    <a:pt x="373" y="44"/>
                    <a:pt x="372" y="44"/>
                  </a:cubicBezTo>
                  <a:cubicBezTo>
                    <a:pt x="372" y="41"/>
                    <a:pt x="370" y="42"/>
                    <a:pt x="371" y="39"/>
                  </a:cubicBezTo>
                  <a:cubicBezTo>
                    <a:pt x="371" y="41"/>
                    <a:pt x="377" y="38"/>
                    <a:pt x="376" y="42"/>
                  </a:cubicBezTo>
                  <a:cubicBezTo>
                    <a:pt x="377" y="43"/>
                    <a:pt x="378" y="41"/>
                    <a:pt x="378" y="41"/>
                  </a:cubicBezTo>
                  <a:cubicBezTo>
                    <a:pt x="379" y="42"/>
                    <a:pt x="378" y="42"/>
                    <a:pt x="379" y="43"/>
                  </a:cubicBezTo>
                  <a:cubicBezTo>
                    <a:pt x="380" y="43"/>
                    <a:pt x="381" y="43"/>
                    <a:pt x="381" y="43"/>
                  </a:cubicBezTo>
                  <a:cubicBezTo>
                    <a:pt x="383" y="45"/>
                    <a:pt x="386" y="43"/>
                    <a:pt x="384" y="46"/>
                  </a:cubicBezTo>
                  <a:cubicBezTo>
                    <a:pt x="389" y="46"/>
                    <a:pt x="389" y="46"/>
                    <a:pt x="389" y="46"/>
                  </a:cubicBezTo>
                  <a:cubicBezTo>
                    <a:pt x="389" y="45"/>
                    <a:pt x="385" y="44"/>
                    <a:pt x="388" y="43"/>
                  </a:cubicBezTo>
                  <a:cubicBezTo>
                    <a:pt x="387" y="42"/>
                    <a:pt x="386" y="42"/>
                    <a:pt x="385" y="41"/>
                  </a:cubicBezTo>
                  <a:cubicBezTo>
                    <a:pt x="384" y="36"/>
                    <a:pt x="385" y="36"/>
                    <a:pt x="385" y="31"/>
                  </a:cubicBezTo>
                  <a:cubicBezTo>
                    <a:pt x="390" y="30"/>
                    <a:pt x="397" y="31"/>
                    <a:pt x="401" y="31"/>
                  </a:cubicBezTo>
                  <a:cubicBezTo>
                    <a:pt x="403" y="30"/>
                    <a:pt x="402" y="28"/>
                    <a:pt x="404" y="30"/>
                  </a:cubicBezTo>
                  <a:cubicBezTo>
                    <a:pt x="407" y="28"/>
                    <a:pt x="405" y="26"/>
                    <a:pt x="406" y="23"/>
                  </a:cubicBezTo>
                  <a:cubicBezTo>
                    <a:pt x="408" y="23"/>
                    <a:pt x="410" y="23"/>
                    <a:pt x="411" y="22"/>
                  </a:cubicBezTo>
                  <a:cubicBezTo>
                    <a:pt x="412" y="20"/>
                    <a:pt x="415" y="19"/>
                    <a:pt x="416" y="17"/>
                  </a:cubicBezTo>
                  <a:cubicBezTo>
                    <a:pt x="426" y="16"/>
                    <a:pt x="436" y="15"/>
                    <a:pt x="444" y="12"/>
                  </a:cubicBezTo>
                  <a:cubicBezTo>
                    <a:pt x="446" y="10"/>
                    <a:pt x="446" y="13"/>
                    <a:pt x="446" y="13"/>
                  </a:cubicBezTo>
                  <a:cubicBezTo>
                    <a:pt x="447" y="13"/>
                    <a:pt x="448" y="11"/>
                    <a:pt x="447" y="11"/>
                  </a:cubicBezTo>
                  <a:cubicBezTo>
                    <a:pt x="448" y="11"/>
                    <a:pt x="447" y="12"/>
                    <a:pt x="448" y="13"/>
                  </a:cubicBezTo>
                  <a:cubicBezTo>
                    <a:pt x="448" y="14"/>
                    <a:pt x="450" y="13"/>
                    <a:pt x="450" y="14"/>
                  </a:cubicBezTo>
                  <a:cubicBezTo>
                    <a:pt x="451" y="14"/>
                    <a:pt x="449" y="13"/>
                    <a:pt x="451" y="12"/>
                  </a:cubicBezTo>
                  <a:cubicBezTo>
                    <a:pt x="452" y="12"/>
                    <a:pt x="456" y="13"/>
                    <a:pt x="456" y="10"/>
                  </a:cubicBezTo>
                  <a:cubicBezTo>
                    <a:pt x="457" y="10"/>
                    <a:pt x="459" y="9"/>
                    <a:pt x="458" y="8"/>
                  </a:cubicBezTo>
                  <a:cubicBezTo>
                    <a:pt x="460" y="8"/>
                    <a:pt x="460" y="9"/>
                    <a:pt x="461" y="10"/>
                  </a:cubicBezTo>
                  <a:cubicBezTo>
                    <a:pt x="464" y="10"/>
                    <a:pt x="463" y="6"/>
                    <a:pt x="463" y="4"/>
                  </a:cubicBezTo>
                  <a:cubicBezTo>
                    <a:pt x="468" y="2"/>
                    <a:pt x="472" y="0"/>
                    <a:pt x="479" y="1"/>
                  </a:cubicBezTo>
                  <a:cubicBezTo>
                    <a:pt x="479" y="2"/>
                    <a:pt x="478" y="3"/>
                    <a:pt x="478" y="5"/>
                  </a:cubicBezTo>
                  <a:cubicBezTo>
                    <a:pt x="480" y="7"/>
                    <a:pt x="484" y="7"/>
                    <a:pt x="486" y="5"/>
                  </a:cubicBezTo>
                  <a:cubicBezTo>
                    <a:pt x="487" y="5"/>
                    <a:pt x="487" y="6"/>
                    <a:pt x="486" y="6"/>
                  </a:cubicBezTo>
                  <a:moveTo>
                    <a:pt x="715" y="122"/>
                  </a:moveTo>
                  <a:cubicBezTo>
                    <a:pt x="715" y="121"/>
                    <a:pt x="714" y="121"/>
                    <a:pt x="713" y="120"/>
                  </a:cubicBezTo>
                  <a:cubicBezTo>
                    <a:pt x="710" y="120"/>
                    <a:pt x="710" y="122"/>
                    <a:pt x="713" y="121"/>
                  </a:cubicBezTo>
                  <a:cubicBezTo>
                    <a:pt x="713" y="122"/>
                    <a:pt x="714" y="122"/>
                    <a:pt x="715" y="122"/>
                  </a:cubicBezTo>
                  <a:moveTo>
                    <a:pt x="206" y="194"/>
                  </a:moveTo>
                  <a:cubicBezTo>
                    <a:pt x="206" y="197"/>
                    <a:pt x="210" y="195"/>
                    <a:pt x="208" y="199"/>
                  </a:cubicBezTo>
                  <a:cubicBezTo>
                    <a:pt x="210" y="199"/>
                    <a:pt x="211" y="197"/>
                    <a:pt x="211" y="199"/>
                  </a:cubicBezTo>
                  <a:cubicBezTo>
                    <a:pt x="211" y="200"/>
                    <a:pt x="211" y="199"/>
                    <a:pt x="210" y="200"/>
                  </a:cubicBezTo>
                  <a:cubicBezTo>
                    <a:pt x="209" y="200"/>
                    <a:pt x="205" y="202"/>
                    <a:pt x="204" y="201"/>
                  </a:cubicBezTo>
                  <a:cubicBezTo>
                    <a:pt x="201" y="201"/>
                    <a:pt x="201" y="199"/>
                    <a:pt x="199" y="198"/>
                  </a:cubicBezTo>
                  <a:cubicBezTo>
                    <a:pt x="199" y="196"/>
                    <a:pt x="201" y="197"/>
                    <a:pt x="202" y="196"/>
                  </a:cubicBezTo>
                  <a:cubicBezTo>
                    <a:pt x="200" y="194"/>
                    <a:pt x="199" y="194"/>
                    <a:pt x="196" y="195"/>
                  </a:cubicBezTo>
                  <a:cubicBezTo>
                    <a:pt x="195" y="193"/>
                    <a:pt x="194" y="191"/>
                    <a:pt x="191" y="192"/>
                  </a:cubicBezTo>
                  <a:cubicBezTo>
                    <a:pt x="190" y="192"/>
                    <a:pt x="191" y="193"/>
                    <a:pt x="190" y="194"/>
                  </a:cubicBezTo>
                  <a:cubicBezTo>
                    <a:pt x="190" y="194"/>
                    <a:pt x="188" y="194"/>
                    <a:pt x="187" y="195"/>
                  </a:cubicBezTo>
                  <a:cubicBezTo>
                    <a:pt x="186" y="196"/>
                    <a:pt x="186" y="198"/>
                    <a:pt x="184" y="198"/>
                  </a:cubicBezTo>
                  <a:cubicBezTo>
                    <a:pt x="185" y="201"/>
                    <a:pt x="182" y="202"/>
                    <a:pt x="182" y="202"/>
                  </a:cubicBezTo>
                  <a:cubicBezTo>
                    <a:pt x="181" y="204"/>
                    <a:pt x="181" y="207"/>
                    <a:pt x="181" y="209"/>
                  </a:cubicBezTo>
                  <a:cubicBezTo>
                    <a:pt x="180" y="209"/>
                    <a:pt x="180" y="208"/>
                    <a:pt x="179" y="208"/>
                  </a:cubicBezTo>
                  <a:cubicBezTo>
                    <a:pt x="178" y="212"/>
                    <a:pt x="181" y="213"/>
                    <a:pt x="179" y="215"/>
                  </a:cubicBezTo>
                  <a:cubicBezTo>
                    <a:pt x="181" y="214"/>
                    <a:pt x="180" y="216"/>
                    <a:pt x="181" y="217"/>
                  </a:cubicBezTo>
                  <a:cubicBezTo>
                    <a:pt x="181" y="217"/>
                    <a:pt x="182" y="217"/>
                    <a:pt x="183" y="217"/>
                  </a:cubicBezTo>
                  <a:cubicBezTo>
                    <a:pt x="185" y="217"/>
                    <a:pt x="185" y="219"/>
                    <a:pt x="186" y="218"/>
                  </a:cubicBezTo>
                  <a:cubicBezTo>
                    <a:pt x="187" y="218"/>
                    <a:pt x="188" y="218"/>
                    <a:pt x="188" y="218"/>
                  </a:cubicBezTo>
                  <a:cubicBezTo>
                    <a:pt x="192" y="217"/>
                    <a:pt x="191" y="217"/>
                    <a:pt x="192" y="216"/>
                  </a:cubicBezTo>
                  <a:cubicBezTo>
                    <a:pt x="194" y="216"/>
                    <a:pt x="194" y="217"/>
                    <a:pt x="196" y="217"/>
                  </a:cubicBezTo>
                  <a:cubicBezTo>
                    <a:pt x="196" y="216"/>
                    <a:pt x="196" y="215"/>
                    <a:pt x="197" y="215"/>
                  </a:cubicBezTo>
                  <a:cubicBezTo>
                    <a:pt x="199" y="214"/>
                    <a:pt x="203" y="214"/>
                    <a:pt x="206" y="215"/>
                  </a:cubicBezTo>
                  <a:cubicBezTo>
                    <a:pt x="207" y="215"/>
                    <a:pt x="207" y="216"/>
                    <a:pt x="209" y="217"/>
                  </a:cubicBezTo>
                  <a:cubicBezTo>
                    <a:pt x="210" y="217"/>
                    <a:pt x="210" y="216"/>
                    <a:pt x="211" y="216"/>
                  </a:cubicBezTo>
                  <a:cubicBezTo>
                    <a:pt x="211" y="216"/>
                    <a:pt x="212" y="217"/>
                    <a:pt x="212" y="217"/>
                  </a:cubicBezTo>
                  <a:cubicBezTo>
                    <a:pt x="215" y="217"/>
                    <a:pt x="215" y="218"/>
                    <a:pt x="217" y="218"/>
                  </a:cubicBezTo>
                  <a:cubicBezTo>
                    <a:pt x="221" y="218"/>
                    <a:pt x="226" y="217"/>
                    <a:pt x="230" y="218"/>
                  </a:cubicBezTo>
                  <a:cubicBezTo>
                    <a:pt x="230" y="215"/>
                    <a:pt x="230" y="214"/>
                    <a:pt x="231" y="213"/>
                  </a:cubicBezTo>
                  <a:cubicBezTo>
                    <a:pt x="228" y="209"/>
                    <a:pt x="225" y="204"/>
                    <a:pt x="219" y="203"/>
                  </a:cubicBezTo>
                  <a:cubicBezTo>
                    <a:pt x="219" y="202"/>
                    <a:pt x="218" y="201"/>
                    <a:pt x="217" y="201"/>
                  </a:cubicBezTo>
                  <a:cubicBezTo>
                    <a:pt x="217" y="199"/>
                    <a:pt x="217" y="198"/>
                    <a:pt x="216" y="198"/>
                  </a:cubicBezTo>
                  <a:cubicBezTo>
                    <a:pt x="216" y="195"/>
                    <a:pt x="219" y="195"/>
                    <a:pt x="219" y="191"/>
                  </a:cubicBezTo>
                  <a:cubicBezTo>
                    <a:pt x="213" y="190"/>
                    <a:pt x="211" y="193"/>
                    <a:pt x="206" y="194"/>
                  </a:cubicBezTo>
                  <a:moveTo>
                    <a:pt x="272" y="238"/>
                  </a:moveTo>
                  <a:cubicBezTo>
                    <a:pt x="271" y="238"/>
                    <a:pt x="270" y="238"/>
                    <a:pt x="271" y="239"/>
                  </a:cubicBezTo>
                  <a:cubicBezTo>
                    <a:pt x="273" y="237"/>
                    <a:pt x="276" y="237"/>
                    <a:pt x="278" y="237"/>
                  </a:cubicBezTo>
                  <a:cubicBezTo>
                    <a:pt x="278" y="237"/>
                    <a:pt x="278" y="235"/>
                    <a:pt x="278" y="235"/>
                  </a:cubicBezTo>
                  <a:cubicBezTo>
                    <a:pt x="278" y="234"/>
                    <a:pt x="280" y="236"/>
                    <a:pt x="280" y="236"/>
                  </a:cubicBezTo>
                  <a:cubicBezTo>
                    <a:pt x="280" y="229"/>
                    <a:pt x="280" y="229"/>
                    <a:pt x="280" y="229"/>
                  </a:cubicBezTo>
                  <a:cubicBezTo>
                    <a:pt x="279" y="228"/>
                    <a:pt x="278" y="227"/>
                    <a:pt x="277" y="226"/>
                  </a:cubicBezTo>
                  <a:cubicBezTo>
                    <a:pt x="277" y="226"/>
                    <a:pt x="277" y="225"/>
                    <a:pt x="277" y="224"/>
                  </a:cubicBezTo>
                  <a:cubicBezTo>
                    <a:pt x="277" y="223"/>
                    <a:pt x="274" y="222"/>
                    <a:pt x="276" y="222"/>
                  </a:cubicBezTo>
                  <a:cubicBezTo>
                    <a:pt x="282" y="222"/>
                    <a:pt x="282" y="222"/>
                    <a:pt x="282" y="222"/>
                  </a:cubicBezTo>
                  <a:cubicBezTo>
                    <a:pt x="282" y="218"/>
                    <a:pt x="280" y="218"/>
                    <a:pt x="280" y="217"/>
                  </a:cubicBezTo>
                  <a:cubicBezTo>
                    <a:pt x="280" y="215"/>
                    <a:pt x="278" y="215"/>
                    <a:pt x="277" y="214"/>
                  </a:cubicBezTo>
                  <a:cubicBezTo>
                    <a:pt x="277" y="214"/>
                    <a:pt x="279" y="213"/>
                    <a:pt x="278" y="212"/>
                  </a:cubicBezTo>
                  <a:cubicBezTo>
                    <a:pt x="275" y="213"/>
                    <a:pt x="275" y="211"/>
                    <a:pt x="272" y="211"/>
                  </a:cubicBezTo>
                  <a:cubicBezTo>
                    <a:pt x="273" y="206"/>
                    <a:pt x="266" y="207"/>
                    <a:pt x="267" y="202"/>
                  </a:cubicBezTo>
                  <a:cubicBezTo>
                    <a:pt x="269" y="200"/>
                    <a:pt x="271" y="198"/>
                    <a:pt x="276" y="199"/>
                  </a:cubicBezTo>
                  <a:cubicBezTo>
                    <a:pt x="276" y="198"/>
                    <a:pt x="276" y="197"/>
                    <a:pt x="277" y="197"/>
                  </a:cubicBezTo>
                  <a:cubicBezTo>
                    <a:pt x="277" y="194"/>
                    <a:pt x="274" y="194"/>
                    <a:pt x="274" y="192"/>
                  </a:cubicBezTo>
                  <a:cubicBezTo>
                    <a:pt x="270" y="191"/>
                    <a:pt x="267" y="193"/>
                    <a:pt x="265" y="192"/>
                  </a:cubicBezTo>
                  <a:cubicBezTo>
                    <a:pt x="264" y="193"/>
                    <a:pt x="265" y="194"/>
                    <a:pt x="264" y="193"/>
                  </a:cubicBezTo>
                  <a:cubicBezTo>
                    <a:pt x="263" y="192"/>
                    <a:pt x="263" y="194"/>
                    <a:pt x="263" y="194"/>
                  </a:cubicBezTo>
                  <a:cubicBezTo>
                    <a:pt x="261" y="195"/>
                    <a:pt x="257" y="196"/>
                    <a:pt x="256" y="197"/>
                  </a:cubicBezTo>
                  <a:cubicBezTo>
                    <a:pt x="253" y="197"/>
                    <a:pt x="254" y="198"/>
                    <a:pt x="253" y="200"/>
                  </a:cubicBezTo>
                  <a:cubicBezTo>
                    <a:pt x="253" y="200"/>
                    <a:pt x="252" y="199"/>
                    <a:pt x="251" y="200"/>
                  </a:cubicBezTo>
                  <a:cubicBezTo>
                    <a:pt x="251" y="200"/>
                    <a:pt x="252" y="202"/>
                    <a:pt x="251" y="202"/>
                  </a:cubicBezTo>
                  <a:cubicBezTo>
                    <a:pt x="252" y="204"/>
                    <a:pt x="254" y="201"/>
                    <a:pt x="254" y="204"/>
                  </a:cubicBezTo>
                  <a:cubicBezTo>
                    <a:pt x="254" y="205"/>
                    <a:pt x="255" y="205"/>
                    <a:pt x="255" y="206"/>
                  </a:cubicBezTo>
                  <a:cubicBezTo>
                    <a:pt x="254" y="209"/>
                    <a:pt x="256" y="211"/>
                    <a:pt x="256" y="212"/>
                  </a:cubicBezTo>
                  <a:cubicBezTo>
                    <a:pt x="256" y="213"/>
                    <a:pt x="256" y="213"/>
                    <a:pt x="257" y="214"/>
                  </a:cubicBezTo>
                  <a:cubicBezTo>
                    <a:pt x="257" y="214"/>
                    <a:pt x="258" y="217"/>
                    <a:pt x="258" y="217"/>
                  </a:cubicBezTo>
                  <a:cubicBezTo>
                    <a:pt x="259" y="219"/>
                    <a:pt x="259" y="219"/>
                    <a:pt x="260" y="221"/>
                  </a:cubicBezTo>
                  <a:cubicBezTo>
                    <a:pt x="260" y="221"/>
                    <a:pt x="260" y="223"/>
                    <a:pt x="260" y="223"/>
                  </a:cubicBezTo>
                  <a:cubicBezTo>
                    <a:pt x="260" y="224"/>
                    <a:pt x="263" y="224"/>
                    <a:pt x="262" y="226"/>
                  </a:cubicBezTo>
                  <a:cubicBezTo>
                    <a:pt x="258" y="225"/>
                    <a:pt x="261" y="230"/>
                    <a:pt x="259" y="231"/>
                  </a:cubicBezTo>
                  <a:cubicBezTo>
                    <a:pt x="263" y="232"/>
                    <a:pt x="263" y="238"/>
                    <a:pt x="268" y="235"/>
                  </a:cubicBezTo>
                  <a:cubicBezTo>
                    <a:pt x="264" y="238"/>
                    <a:pt x="272" y="235"/>
                    <a:pt x="272" y="238"/>
                  </a:cubicBezTo>
                  <a:moveTo>
                    <a:pt x="301" y="194"/>
                  </a:moveTo>
                  <a:cubicBezTo>
                    <a:pt x="300" y="194"/>
                    <a:pt x="301" y="196"/>
                    <a:pt x="300" y="197"/>
                  </a:cubicBezTo>
                  <a:cubicBezTo>
                    <a:pt x="299" y="198"/>
                    <a:pt x="297" y="197"/>
                    <a:pt x="297" y="199"/>
                  </a:cubicBezTo>
                  <a:cubicBezTo>
                    <a:pt x="298" y="199"/>
                    <a:pt x="300" y="201"/>
                    <a:pt x="300" y="202"/>
                  </a:cubicBezTo>
                  <a:cubicBezTo>
                    <a:pt x="300" y="202"/>
                    <a:pt x="298" y="203"/>
                    <a:pt x="299" y="203"/>
                  </a:cubicBezTo>
                  <a:cubicBezTo>
                    <a:pt x="300" y="204"/>
                    <a:pt x="302" y="204"/>
                    <a:pt x="303" y="205"/>
                  </a:cubicBezTo>
                  <a:cubicBezTo>
                    <a:pt x="303" y="204"/>
                    <a:pt x="304" y="204"/>
                    <a:pt x="305" y="203"/>
                  </a:cubicBezTo>
                  <a:cubicBezTo>
                    <a:pt x="306" y="200"/>
                    <a:pt x="303" y="200"/>
                    <a:pt x="303" y="199"/>
                  </a:cubicBezTo>
                  <a:cubicBezTo>
                    <a:pt x="304" y="198"/>
                    <a:pt x="306" y="197"/>
                    <a:pt x="306" y="195"/>
                  </a:cubicBezTo>
                  <a:cubicBezTo>
                    <a:pt x="304" y="195"/>
                    <a:pt x="304" y="194"/>
                    <a:pt x="305" y="193"/>
                  </a:cubicBezTo>
                  <a:cubicBezTo>
                    <a:pt x="303" y="193"/>
                    <a:pt x="302" y="193"/>
                    <a:pt x="301" y="194"/>
                  </a:cubicBezTo>
                  <a:moveTo>
                    <a:pt x="176" y="220"/>
                  </a:moveTo>
                  <a:cubicBezTo>
                    <a:pt x="176" y="223"/>
                    <a:pt x="182" y="221"/>
                    <a:pt x="183" y="220"/>
                  </a:cubicBezTo>
                  <a:cubicBezTo>
                    <a:pt x="180" y="219"/>
                    <a:pt x="179" y="219"/>
                    <a:pt x="176" y="220"/>
                  </a:cubicBezTo>
                  <a:moveTo>
                    <a:pt x="198" y="397"/>
                  </a:moveTo>
                  <a:cubicBezTo>
                    <a:pt x="199" y="393"/>
                    <a:pt x="204" y="393"/>
                    <a:pt x="204" y="388"/>
                  </a:cubicBezTo>
                  <a:cubicBezTo>
                    <a:pt x="201" y="390"/>
                    <a:pt x="196" y="386"/>
                    <a:pt x="193" y="389"/>
                  </a:cubicBezTo>
                  <a:cubicBezTo>
                    <a:pt x="197" y="389"/>
                    <a:pt x="193" y="389"/>
                    <a:pt x="192" y="390"/>
                  </a:cubicBezTo>
                  <a:cubicBezTo>
                    <a:pt x="192" y="390"/>
                    <a:pt x="193" y="393"/>
                    <a:pt x="193" y="393"/>
                  </a:cubicBezTo>
                  <a:cubicBezTo>
                    <a:pt x="193" y="394"/>
                    <a:pt x="193" y="396"/>
                    <a:pt x="192" y="396"/>
                  </a:cubicBezTo>
                  <a:cubicBezTo>
                    <a:pt x="192" y="396"/>
                    <a:pt x="191" y="395"/>
                    <a:pt x="191" y="396"/>
                  </a:cubicBezTo>
                  <a:cubicBezTo>
                    <a:pt x="192" y="398"/>
                    <a:pt x="195" y="397"/>
                    <a:pt x="198" y="39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7" name="Freeform 10"/>
            <p:cNvSpPr>
              <a:spLocks noEditPoints="1"/>
            </p:cNvSpPr>
            <p:nvPr/>
          </p:nvSpPr>
          <p:spPr bwMode="auto">
            <a:xfrm>
              <a:off x="2833688" y="1708150"/>
              <a:ext cx="503238" cy="350837"/>
            </a:xfrm>
            <a:custGeom>
              <a:gdLst>
                <a:gd fmla="*/ 11 w 115" name="T0"/>
                <a:gd fmla="*/ 4 h 80" name="T1"/>
                <a:gd fmla="*/ 15 w 115" name="T2"/>
                <a:gd fmla="*/ 4 h 80" name="T3"/>
                <a:gd fmla="*/ 15 w 115" name="T4"/>
                <a:gd fmla="*/ 5 h 80" name="T5"/>
                <a:gd fmla="*/ 15 w 115" name="T6"/>
                <a:gd fmla="*/ 9 h 80" name="T7"/>
                <a:gd fmla="*/ 18 w 115" name="T8"/>
                <a:gd fmla="*/ 17 h 80" name="T9"/>
                <a:gd fmla="*/ 25 w 115" name="T10"/>
                <a:gd fmla="*/ 4 h 80" name="T11"/>
                <a:gd fmla="*/ 33 w 115" name="T12"/>
                <a:gd fmla="*/ 4 h 80" name="T13"/>
                <a:gd fmla="*/ 39 w 115" name="T14"/>
                <a:gd fmla="*/ 13 h 80" name="T15"/>
                <a:gd fmla="*/ 46 w 115" name="T16"/>
                <a:gd fmla="*/ 11 h 80" name="T17"/>
                <a:gd fmla="*/ 55 w 115" name="T18"/>
                <a:gd fmla="*/ 10 h 80" name="T19"/>
                <a:gd fmla="*/ 59 w 115" name="T20"/>
                <a:gd fmla="*/ 14 h 80" name="T21"/>
                <a:gd fmla="*/ 63 w 115" name="T22"/>
                <a:gd fmla="*/ 16 h 80" name="T23"/>
                <a:gd fmla="*/ 65 w 115" name="T24"/>
                <a:gd fmla="*/ 17 h 80" name="T25"/>
                <a:gd fmla="*/ 73 w 115" name="T26"/>
                <a:gd fmla="*/ 19 h 80" name="T27"/>
                <a:gd fmla="*/ 81 w 115" name="T28"/>
                <a:gd fmla="*/ 23 h 80" name="T29"/>
                <a:gd fmla="*/ 84 w 115" name="T30"/>
                <a:gd fmla="*/ 25 h 80" name="T31"/>
                <a:gd fmla="*/ 89 w 115" name="T32"/>
                <a:gd fmla="*/ 30 h 80" name="T33"/>
                <a:gd fmla="*/ 86 w 115" name="T34"/>
                <a:gd fmla="*/ 38 h 80" name="T35"/>
                <a:gd fmla="*/ 94 w 115" name="T36"/>
                <a:gd fmla="*/ 39 h 80" name="T37"/>
                <a:gd fmla="*/ 96 w 115" name="T38"/>
                <a:gd fmla="*/ 44 h 80" name="T39"/>
                <a:gd fmla="*/ 104 w 115" name="T40"/>
                <a:gd fmla="*/ 45 h 80" name="T41"/>
                <a:gd fmla="*/ 109 w 115" name="T42"/>
                <a:gd fmla="*/ 49 h 80" name="T43"/>
                <a:gd fmla="*/ 110 w 115" name="T44"/>
                <a:gd fmla="*/ 53 h 80" name="T45"/>
                <a:gd fmla="*/ 106 w 115" name="T46"/>
                <a:gd fmla="*/ 60 h 80" name="T47"/>
                <a:gd fmla="*/ 99 w 115" name="T48"/>
                <a:gd fmla="*/ 59 h 80" name="T49"/>
                <a:gd fmla="*/ 93 w 115" name="T50"/>
                <a:gd fmla="*/ 53 h 80" name="T51"/>
                <a:gd fmla="*/ 89 w 115" name="T52"/>
                <a:gd fmla="*/ 58 h 80" name="T53"/>
                <a:gd fmla="*/ 95 w 115" name="T54"/>
                <a:gd fmla="*/ 62 h 80" name="T55"/>
                <a:gd fmla="*/ 99 w 115" name="T56"/>
                <a:gd fmla="*/ 68 h 80" name="T57"/>
                <a:gd fmla="*/ 96 w 115" name="T58"/>
                <a:gd fmla="*/ 75 h 80" name="T59"/>
                <a:gd fmla="*/ 84 w 115" name="T60"/>
                <a:gd fmla="*/ 70 h 80" name="T61"/>
                <a:gd fmla="*/ 88 w 115" name="T62"/>
                <a:gd fmla="*/ 75 h 80" name="T63"/>
                <a:gd fmla="*/ 92 w 115" name="T64"/>
                <a:gd fmla="*/ 78 h 80" name="T65"/>
                <a:gd fmla="*/ 88 w 115" name="T66"/>
                <a:gd fmla="*/ 78 h 80" name="T67"/>
                <a:gd fmla="*/ 77 w 115" name="T68"/>
                <a:gd fmla="*/ 74 h 80" name="T69"/>
                <a:gd fmla="*/ 71 w 115" name="T70"/>
                <a:gd fmla="*/ 71 h 80" name="T71"/>
                <a:gd fmla="*/ 68 w 115" name="T72"/>
                <a:gd fmla="*/ 67 h 80" name="T73"/>
                <a:gd fmla="*/ 63 w 115" name="T74"/>
                <a:gd fmla="*/ 56 h 80" name="T75"/>
                <a:gd fmla="*/ 64 w 115" name="T76"/>
                <a:gd fmla="*/ 53 h 80" name="T77"/>
                <a:gd fmla="*/ 66 w 115" name="T78"/>
                <a:gd fmla="*/ 49 h 80" name="T79"/>
                <a:gd fmla="*/ 68 w 115" name="T80"/>
                <a:gd fmla="*/ 45 h 80" name="T81"/>
                <a:gd fmla="*/ 66 w 115" name="T82"/>
                <a:gd fmla="*/ 39 h 80" name="T83"/>
                <a:gd fmla="*/ 62 w 115" name="T84"/>
                <a:gd fmla="*/ 36 h 80" name="T85"/>
                <a:gd fmla="*/ 59 w 115" name="T86"/>
                <a:gd fmla="*/ 36 h 80" name="T87"/>
                <a:gd fmla="*/ 55 w 115" name="T88"/>
                <a:gd fmla="*/ 35 h 80" name="T89"/>
                <a:gd fmla="*/ 47 w 115" name="T90"/>
                <a:gd fmla="*/ 26 h 80" name="T91"/>
                <a:gd fmla="*/ 40 w 115" name="T92"/>
                <a:gd fmla="*/ 28 h 80" name="T93"/>
                <a:gd fmla="*/ 33 w 115" name="T94"/>
                <a:gd fmla="*/ 28 h 80" name="T95"/>
                <a:gd fmla="*/ 26 w 115" name="T96"/>
                <a:gd fmla="*/ 28 h 80" name="T97"/>
                <a:gd fmla="*/ 11 w 115" name="T98"/>
                <a:gd fmla="*/ 25 h 80" name="T99"/>
                <a:gd fmla="*/ 5 w 115" name="T100"/>
                <a:gd fmla="*/ 22 h 80" name="T101"/>
                <a:gd fmla="*/ 3 w 115" name="T102"/>
                <a:gd fmla="*/ 17 h 80" name="T103"/>
                <a:gd fmla="*/ 4 w 115" name="T104"/>
                <a:gd fmla="*/ 13 h 80" name="T105"/>
                <a:gd fmla="*/ 74 w 115" name="T106"/>
                <a:gd fmla="*/ 55 h 80" name="T107"/>
                <a:gd fmla="*/ 79 w 115" name="T108"/>
                <a:gd fmla="*/ 51 h 80" name="T109"/>
                <a:gd fmla="*/ 74 w 115" name="T110"/>
                <a:gd fmla="*/ 55 h 80" name="T11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</a:cxnLst>
              <a:rect b="b" l="0" r="r" t="0"/>
              <a:pathLst>
                <a:path h="80" w="115">
                  <a:moveTo>
                    <a:pt x="5" y="5"/>
                  </a:moveTo>
                  <a:cubicBezTo>
                    <a:pt x="6" y="8"/>
                    <a:pt x="10" y="2"/>
                    <a:pt x="11" y="4"/>
                  </a:cubicBezTo>
                  <a:cubicBezTo>
                    <a:pt x="12" y="5"/>
                    <a:pt x="12" y="3"/>
                    <a:pt x="12" y="3"/>
                  </a:cubicBezTo>
                  <a:cubicBezTo>
                    <a:pt x="13" y="2"/>
                    <a:pt x="14" y="4"/>
                    <a:pt x="15" y="4"/>
                  </a:cubicBezTo>
                  <a:cubicBezTo>
                    <a:pt x="16" y="3"/>
                    <a:pt x="16" y="0"/>
                    <a:pt x="19" y="3"/>
                  </a:cubicBezTo>
                  <a:cubicBezTo>
                    <a:pt x="19" y="7"/>
                    <a:pt x="17" y="4"/>
                    <a:pt x="15" y="5"/>
                  </a:cubicBezTo>
                  <a:cubicBezTo>
                    <a:pt x="14" y="6"/>
                    <a:pt x="17" y="6"/>
                    <a:pt x="17" y="6"/>
                  </a:cubicBezTo>
                  <a:cubicBezTo>
                    <a:pt x="17" y="8"/>
                    <a:pt x="15" y="8"/>
                    <a:pt x="15" y="9"/>
                  </a:cubicBezTo>
                  <a:cubicBezTo>
                    <a:pt x="15" y="11"/>
                    <a:pt x="16" y="11"/>
                    <a:pt x="16" y="12"/>
                  </a:cubicBezTo>
                  <a:cubicBezTo>
                    <a:pt x="16" y="14"/>
                    <a:pt x="15" y="17"/>
                    <a:pt x="18" y="17"/>
                  </a:cubicBezTo>
                  <a:cubicBezTo>
                    <a:pt x="20" y="16"/>
                    <a:pt x="18" y="12"/>
                    <a:pt x="19" y="9"/>
                  </a:cubicBezTo>
                  <a:cubicBezTo>
                    <a:pt x="24" y="10"/>
                    <a:pt x="23" y="7"/>
                    <a:pt x="25" y="4"/>
                  </a:cubicBezTo>
                  <a:cubicBezTo>
                    <a:pt x="26" y="7"/>
                    <a:pt x="28" y="3"/>
                    <a:pt x="29" y="5"/>
                  </a:cubicBezTo>
                  <a:cubicBezTo>
                    <a:pt x="31" y="5"/>
                    <a:pt x="31" y="3"/>
                    <a:pt x="33" y="4"/>
                  </a:cubicBezTo>
                  <a:cubicBezTo>
                    <a:pt x="33" y="7"/>
                    <a:pt x="36" y="8"/>
                    <a:pt x="38" y="8"/>
                  </a:cubicBezTo>
                  <a:cubicBezTo>
                    <a:pt x="37" y="11"/>
                    <a:pt x="37" y="11"/>
                    <a:pt x="39" y="13"/>
                  </a:cubicBezTo>
                  <a:cubicBezTo>
                    <a:pt x="40" y="12"/>
                    <a:pt x="41" y="12"/>
                    <a:pt x="43" y="13"/>
                  </a:cubicBezTo>
                  <a:cubicBezTo>
                    <a:pt x="45" y="14"/>
                    <a:pt x="45" y="12"/>
                    <a:pt x="46" y="11"/>
                  </a:cubicBezTo>
                  <a:cubicBezTo>
                    <a:pt x="47" y="11"/>
                    <a:pt x="49" y="12"/>
                    <a:pt x="48" y="10"/>
                  </a:cubicBezTo>
                  <a:cubicBezTo>
                    <a:pt x="51" y="11"/>
                    <a:pt x="52" y="11"/>
                    <a:pt x="55" y="10"/>
                  </a:cubicBezTo>
                  <a:cubicBezTo>
                    <a:pt x="55" y="12"/>
                    <a:pt x="58" y="12"/>
                    <a:pt x="57" y="11"/>
                  </a:cubicBezTo>
                  <a:cubicBezTo>
                    <a:pt x="58" y="12"/>
                    <a:pt x="58" y="13"/>
                    <a:pt x="59" y="14"/>
                  </a:cubicBezTo>
                  <a:cubicBezTo>
                    <a:pt x="60" y="15"/>
                    <a:pt x="61" y="15"/>
                    <a:pt x="62" y="15"/>
                  </a:cubicBezTo>
                  <a:cubicBezTo>
                    <a:pt x="62" y="15"/>
                    <a:pt x="62" y="16"/>
                    <a:pt x="63" y="16"/>
                  </a:cubicBezTo>
                  <a:cubicBezTo>
                    <a:pt x="65" y="16"/>
                    <a:pt x="62" y="17"/>
                    <a:pt x="64" y="19"/>
                  </a:cubicBezTo>
                  <a:cubicBezTo>
                    <a:pt x="64" y="19"/>
                    <a:pt x="65" y="17"/>
                    <a:pt x="65" y="17"/>
                  </a:cubicBezTo>
                  <a:cubicBezTo>
                    <a:pt x="66" y="18"/>
                    <a:pt x="66" y="19"/>
                    <a:pt x="68" y="20"/>
                  </a:cubicBezTo>
                  <a:cubicBezTo>
                    <a:pt x="70" y="20"/>
                    <a:pt x="71" y="19"/>
                    <a:pt x="73" y="19"/>
                  </a:cubicBezTo>
                  <a:cubicBezTo>
                    <a:pt x="73" y="23"/>
                    <a:pt x="79" y="20"/>
                    <a:pt x="79" y="24"/>
                  </a:cubicBezTo>
                  <a:cubicBezTo>
                    <a:pt x="80" y="24"/>
                    <a:pt x="81" y="23"/>
                    <a:pt x="81" y="23"/>
                  </a:cubicBezTo>
                  <a:cubicBezTo>
                    <a:pt x="82" y="23"/>
                    <a:pt x="83" y="25"/>
                    <a:pt x="83" y="26"/>
                  </a:cubicBezTo>
                  <a:cubicBezTo>
                    <a:pt x="84" y="27"/>
                    <a:pt x="84" y="26"/>
                    <a:pt x="84" y="25"/>
                  </a:cubicBezTo>
                  <a:cubicBezTo>
                    <a:pt x="85" y="27"/>
                    <a:pt x="86" y="29"/>
                    <a:pt x="89" y="28"/>
                  </a:cubicBezTo>
                  <a:cubicBezTo>
                    <a:pt x="89" y="29"/>
                    <a:pt x="88" y="30"/>
                    <a:pt x="89" y="30"/>
                  </a:cubicBezTo>
                  <a:cubicBezTo>
                    <a:pt x="90" y="32"/>
                    <a:pt x="87" y="33"/>
                    <a:pt x="89" y="34"/>
                  </a:cubicBezTo>
                  <a:cubicBezTo>
                    <a:pt x="88" y="35"/>
                    <a:pt x="86" y="35"/>
                    <a:pt x="86" y="38"/>
                  </a:cubicBezTo>
                  <a:cubicBezTo>
                    <a:pt x="88" y="42"/>
                    <a:pt x="92" y="37"/>
                    <a:pt x="93" y="41"/>
                  </a:cubicBezTo>
                  <a:cubicBezTo>
                    <a:pt x="94" y="41"/>
                    <a:pt x="94" y="40"/>
                    <a:pt x="94" y="39"/>
                  </a:cubicBezTo>
                  <a:cubicBezTo>
                    <a:pt x="96" y="39"/>
                    <a:pt x="95" y="41"/>
                    <a:pt x="95" y="42"/>
                  </a:cubicBezTo>
                  <a:cubicBezTo>
                    <a:pt x="95" y="42"/>
                    <a:pt x="96" y="44"/>
                    <a:pt x="96" y="44"/>
                  </a:cubicBezTo>
                  <a:cubicBezTo>
                    <a:pt x="97" y="44"/>
                    <a:pt x="98" y="41"/>
                    <a:pt x="98" y="46"/>
                  </a:cubicBezTo>
                  <a:cubicBezTo>
                    <a:pt x="100" y="46"/>
                    <a:pt x="101" y="44"/>
                    <a:pt x="104" y="45"/>
                  </a:cubicBezTo>
                  <a:cubicBezTo>
                    <a:pt x="104" y="45"/>
                    <a:pt x="105" y="46"/>
                    <a:pt x="105" y="47"/>
                  </a:cubicBezTo>
                  <a:cubicBezTo>
                    <a:pt x="106" y="48"/>
                    <a:pt x="110" y="46"/>
                    <a:pt x="109" y="49"/>
                  </a:cubicBezTo>
                  <a:cubicBezTo>
                    <a:pt x="112" y="48"/>
                    <a:pt x="110" y="50"/>
                    <a:pt x="113" y="50"/>
                  </a:cubicBezTo>
                  <a:cubicBezTo>
                    <a:pt x="115" y="52"/>
                    <a:pt x="110" y="53"/>
                    <a:pt x="110" y="53"/>
                  </a:cubicBezTo>
                  <a:cubicBezTo>
                    <a:pt x="110" y="54"/>
                    <a:pt x="111" y="54"/>
                    <a:pt x="111" y="54"/>
                  </a:cubicBezTo>
                  <a:cubicBezTo>
                    <a:pt x="109" y="57"/>
                    <a:pt x="107" y="56"/>
                    <a:pt x="106" y="60"/>
                  </a:cubicBezTo>
                  <a:cubicBezTo>
                    <a:pt x="105" y="60"/>
                    <a:pt x="104" y="60"/>
                    <a:pt x="104" y="61"/>
                  </a:cubicBezTo>
                  <a:cubicBezTo>
                    <a:pt x="103" y="60"/>
                    <a:pt x="99" y="60"/>
                    <a:pt x="99" y="59"/>
                  </a:cubicBezTo>
                  <a:cubicBezTo>
                    <a:pt x="99" y="57"/>
                    <a:pt x="94" y="59"/>
                    <a:pt x="95" y="55"/>
                  </a:cubicBezTo>
                  <a:cubicBezTo>
                    <a:pt x="94" y="55"/>
                    <a:pt x="93" y="54"/>
                    <a:pt x="93" y="53"/>
                  </a:cubicBezTo>
                  <a:cubicBezTo>
                    <a:pt x="89" y="53"/>
                    <a:pt x="89" y="53"/>
                    <a:pt x="89" y="53"/>
                  </a:cubicBezTo>
                  <a:cubicBezTo>
                    <a:pt x="87" y="53"/>
                    <a:pt x="89" y="57"/>
                    <a:pt x="89" y="58"/>
                  </a:cubicBezTo>
                  <a:cubicBezTo>
                    <a:pt x="89" y="60"/>
                    <a:pt x="91" y="60"/>
                    <a:pt x="91" y="62"/>
                  </a:cubicBezTo>
                  <a:cubicBezTo>
                    <a:pt x="94" y="60"/>
                    <a:pt x="95" y="64"/>
                    <a:pt x="95" y="62"/>
                  </a:cubicBezTo>
                  <a:cubicBezTo>
                    <a:pt x="97" y="63"/>
                    <a:pt x="97" y="65"/>
                    <a:pt x="97" y="67"/>
                  </a:cubicBezTo>
                  <a:cubicBezTo>
                    <a:pt x="97" y="69"/>
                    <a:pt x="99" y="68"/>
                    <a:pt x="99" y="68"/>
                  </a:cubicBezTo>
                  <a:cubicBezTo>
                    <a:pt x="100" y="71"/>
                    <a:pt x="98" y="75"/>
                    <a:pt x="98" y="77"/>
                  </a:cubicBezTo>
                  <a:cubicBezTo>
                    <a:pt x="96" y="78"/>
                    <a:pt x="97" y="76"/>
                    <a:pt x="96" y="75"/>
                  </a:cubicBezTo>
                  <a:cubicBezTo>
                    <a:pt x="95" y="74"/>
                    <a:pt x="92" y="75"/>
                    <a:pt x="91" y="72"/>
                  </a:cubicBezTo>
                  <a:cubicBezTo>
                    <a:pt x="88" y="73"/>
                    <a:pt x="88" y="69"/>
                    <a:pt x="84" y="70"/>
                  </a:cubicBezTo>
                  <a:cubicBezTo>
                    <a:pt x="84" y="72"/>
                    <a:pt x="87" y="71"/>
                    <a:pt x="88" y="72"/>
                  </a:cubicBezTo>
                  <a:cubicBezTo>
                    <a:pt x="84" y="75"/>
                    <a:pt x="91" y="74"/>
                    <a:pt x="88" y="75"/>
                  </a:cubicBezTo>
                  <a:cubicBezTo>
                    <a:pt x="88" y="76"/>
                    <a:pt x="90" y="76"/>
                    <a:pt x="91" y="77"/>
                  </a:cubicBezTo>
                  <a:cubicBezTo>
                    <a:pt x="92" y="77"/>
                    <a:pt x="91" y="78"/>
                    <a:pt x="92" y="78"/>
                  </a:cubicBezTo>
                  <a:cubicBezTo>
                    <a:pt x="94" y="78"/>
                    <a:pt x="94" y="78"/>
                    <a:pt x="94" y="80"/>
                  </a:cubicBezTo>
                  <a:cubicBezTo>
                    <a:pt x="91" y="80"/>
                    <a:pt x="90" y="79"/>
                    <a:pt x="88" y="78"/>
                  </a:cubicBezTo>
                  <a:cubicBezTo>
                    <a:pt x="86" y="77"/>
                    <a:pt x="84" y="77"/>
                    <a:pt x="82" y="76"/>
                  </a:cubicBezTo>
                  <a:cubicBezTo>
                    <a:pt x="81" y="75"/>
                    <a:pt x="78" y="74"/>
                    <a:pt x="77" y="74"/>
                  </a:cubicBezTo>
                  <a:cubicBezTo>
                    <a:pt x="76" y="74"/>
                    <a:pt x="76" y="73"/>
                    <a:pt x="75" y="72"/>
                  </a:cubicBezTo>
                  <a:cubicBezTo>
                    <a:pt x="74" y="72"/>
                    <a:pt x="72" y="72"/>
                    <a:pt x="71" y="71"/>
                  </a:cubicBezTo>
                  <a:cubicBezTo>
                    <a:pt x="70" y="71"/>
                    <a:pt x="71" y="69"/>
                    <a:pt x="70" y="68"/>
                  </a:cubicBezTo>
                  <a:cubicBezTo>
                    <a:pt x="70" y="68"/>
                    <a:pt x="68" y="68"/>
                    <a:pt x="68" y="67"/>
                  </a:cubicBezTo>
                  <a:cubicBezTo>
                    <a:pt x="64" y="67"/>
                    <a:pt x="64" y="63"/>
                    <a:pt x="62" y="61"/>
                  </a:cubicBezTo>
                  <a:cubicBezTo>
                    <a:pt x="63" y="60"/>
                    <a:pt x="61" y="57"/>
                    <a:pt x="63" y="56"/>
                  </a:cubicBezTo>
                  <a:cubicBezTo>
                    <a:pt x="63" y="56"/>
                    <a:pt x="65" y="56"/>
                    <a:pt x="65" y="56"/>
                  </a:cubicBezTo>
                  <a:cubicBezTo>
                    <a:pt x="65" y="56"/>
                    <a:pt x="63" y="54"/>
                    <a:pt x="64" y="53"/>
                  </a:cubicBezTo>
                  <a:cubicBezTo>
                    <a:pt x="64" y="53"/>
                    <a:pt x="65" y="53"/>
                    <a:pt x="66" y="53"/>
                  </a:cubicBezTo>
                  <a:cubicBezTo>
                    <a:pt x="66" y="53"/>
                    <a:pt x="65" y="50"/>
                    <a:pt x="66" y="49"/>
                  </a:cubicBezTo>
                  <a:cubicBezTo>
                    <a:pt x="66" y="49"/>
                    <a:pt x="67" y="50"/>
                    <a:pt x="68" y="49"/>
                  </a:cubicBezTo>
                  <a:cubicBezTo>
                    <a:pt x="69" y="48"/>
                    <a:pt x="67" y="45"/>
                    <a:pt x="68" y="45"/>
                  </a:cubicBezTo>
                  <a:cubicBezTo>
                    <a:pt x="68" y="43"/>
                    <a:pt x="67" y="44"/>
                    <a:pt x="66" y="44"/>
                  </a:cubicBezTo>
                  <a:cubicBezTo>
                    <a:pt x="66" y="39"/>
                    <a:pt x="66" y="39"/>
                    <a:pt x="66" y="39"/>
                  </a:cubicBezTo>
                  <a:cubicBezTo>
                    <a:pt x="65" y="39"/>
                    <a:pt x="64" y="39"/>
                    <a:pt x="64" y="40"/>
                  </a:cubicBezTo>
                  <a:cubicBezTo>
                    <a:pt x="62" y="39"/>
                    <a:pt x="63" y="37"/>
                    <a:pt x="62" y="36"/>
                  </a:cubicBezTo>
                  <a:cubicBezTo>
                    <a:pt x="62" y="36"/>
                    <a:pt x="61" y="37"/>
                    <a:pt x="60" y="37"/>
                  </a:cubicBezTo>
                  <a:cubicBezTo>
                    <a:pt x="60" y="37"/>
                    <a:pt x="59" y="36"/>
                    <a:pt x="59" y="36"/>
                  </a:cubicBezTo>
                  <a:cubicBezTo>
                    <a:pt x="58" y="36"/>
                    <a:pt x="57" y="34"/>
                    <a:pt x="57" y="34"/>
                  </a:cubicBezTo>
                  <a:cubicBezTo>
                    <a:pt x="56" y="34"/>
                    <a:pt x="56" y="35"/>
                    <a:pt x="55" y="35"/>
                  </a:cubicBezTo>
                  <a:cubicBezTo>
                    <a:pt x="55" y="35"/>
                    <a:pt x="53" y="33"/>
                    <a:pt x="51" y="33"/>
                  </a:cubicBezTo>
                  <a:cubicBezTo>
                    <a:pt x="55" y="29"/>
                    <a:pt x="46" y="31"/>
                    <a:pt x="47" y="26"/>
                  </a:cubicBezTo>
                  <a:cubicBezTo>
                    <a:pt x="45" y="27"/>
                    <a:pt x="43" y="27"/>
                    <a:pt x="43" y="29"/>
                  </a:cubicBezTo>
                  <a:cubicBezTo>
                    <a:pt x="41" y="30"/>
                    <a:pt x="40" y="28"/>
                    <a:pt x="40" y="28"/>
                  </a:cubicBezTo>
                  <a:cubicBezTo>
                    <a:pt x="39" y="28"/>
                    <a:pt x="38" y="29"/>
                    <a:pt x="37" y="29"/>
                  </a:cubicBezTo>
                  <a:cubicBezTo>
                    <a:pt x="35" y="29"/>
                    <a:pt x="35" y="28"/>
                    <a:pt x="33" y="28"/>
                  </a:cubicBezTo>
                  <a:cubicBezTo>
                    <a:pt x="31" y="28"/>
                    <a:pt x="31" y="29"/>
                    <a:pt x="29" y="29"/>
                  </a:cubicBezTo>
                  <a:cubicBezTo>
                    <a:pt x="27" y="29"/>
                    <a:pt x="27" y="28"/>
                    <a:pt x="26" y="28"/>
                  </a:cubicBezTo>
                  <a:cubicBezTo>
                    <a:pt x="21" y="28"/>
                    <a:pt x="17" y="29"/>
                    <a:pt x="13" y="27"/>
                  </a:cubicBezTo>
                  <a:cubicBezTo>
                    <a:pt x="13" y="27"/>
                    <a:pt x="12" y="26"/>
                    <a:pt x="11" y="25"/>
                  </a:cubicBezTo>
                  <a:cubicBezTo>
                    <a:pt x="10" y="25"/>
                    <a:pt x="8" y="26"/>
                    <a:pt x="8" y="24"/>
                  </a:cubicBezTo>
                  <a:cubicBezTo>
                    <a:pt x="7" y="23"/>
                    <a:pt x="4" y="25"/>
                    <a:pt x="5" y="22"/>
                  </a:cubicBezTo>
                  <a:cubicBezTo>
                    <a:pt x="8" y="22"/>
                    <a:pt x="9" y="21"/>
                    <a:pt x="10" y="20"/>
                  </a:cubicBezTo>
                  <a:cubicBezTo>
                    <a:pt x="9" y="18"/>
                    <a:pt x="4" y="19"/>
                    <a:pt x="3" y="17"/>
                  </a:cubicBezTo>
                  <a:cubicBezTo>
                    <a:pt x="2" y="17"/>
                    <a:pt x="2" y="17"/>
                    <a:pt x="2" y="18"/>
                  </a:cubicBezTo>
                  <a:cubicBezTo>
                    <a:pt x="0" y="18"/>
                    <a:pt x="3" y="14"/>
                    <a:pt x="4" y="13"/>
                  </a:cubicBezTo>
                  <a:cubicBezTo>
                    <a:pt x="3" y="10"/>
                    <a:pt x="5" y="9"/>
                    <a:pt x="5" y="5"/>
                  </a:cubicBezTo>
                  <a:moveTo>
                    <a:pt x="74" y="55"/>
                  </a:moveTo>
                  <a:cubicBezTo>
                    <a:pt x="75" y="53"/>
                    <a:pt x="79" y="55"/>
                    <a:pt x="81" y="54"/>
                  </a:cubicBezTo>
                  <a:cubicBezTo>
                    <a:pt x="81" y="52"/>
                    <a:pt x="80" y="52"/>
                    <a:pt x="79" y="51"/>
                  </a:cubicBezTo>
                  <a:cubicBezTo>
                    <a:pt x="78" y="50"/>
                    <a:pt x="75" y="51"/>
                    <a:pt x="73" y="49"/>
                  </a:cubicBezTo>
                  <a:cubicBezTo>
                    <a:pt x="74" y="51"/>
                    <a:pt x="72" y="55"/>
                    <a:pt x="74" y="55"/>
                  </a:cubicBezTo>
                </a:path>
              </a:pathLst>
            </a:custGeom>
            <a:solidFill>
              <a:srgbClr val="9DB9B6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" name="Freeform 11"/>
            <p:cNvSpPr/>
            <p:nvPr/>
          </p:nvSpPr>
          <p:spPr bwMode="auto">
            <a:xfrm>
              <a:off x="2341563" y="1725613"/>
              <a:ext cx="311150" cy="157162"/>
            </a:xfrm>
            <a:custGeom>
              <a:gdLst>
                <a:gd fmla="*/ 8 w 71" name="T0"/>
                <a:gd fmla="*/ 27 h 36" name="T1"/>
                <a:gd fmla="*/ 9 w 71" name="T2"/>
                <a:gd fmla="*/ 24 h 36" name="T3"/>
                <a:gd fmla="*/ 13 w 71" name="T4"/>
                <a:gd fmla="*/ 23 h 36" name="T5"/>
                <a:gd fmla="*/ 14 w 71" name="T6"/>
                <a:gd fmla="*/ 22 h 36" name="T7"/>
                <a:gd fmla="*/ 25 w 71" name="T8"/>
                <a:gd fmla="*/ 21 h 36" name="T9"/>
                <a:gd fmla="*/ 14 w 71" name="T10"/>
                <a:gd fmla="*/ 21 h 36" name="T11"/>
                <a:gd fmla="*/ 13 w 71" name="T12"/>
                <a:gd fmla="*/ 20 h 36" name="T13"/>
                <a:gd fmla="*/ 11 w 71" name="T14"/>
                <a:gd fmla="*/ 21 h 36" name="T15"/>
                <a:gd fmla="*/ 5 w 71" name="T16"/>
                <a:gd fmla="*/ 20 h 36" name="T17"/>
                <a:gd fmla="*/ 10 w 71" name="T18"/>
                <a:gd fmla="*/ 16 h 36" name="T19"/>
                <a:gd fmla="*/ 13 w 71" name="T20"/>
                <a:gd fmla="*/ 16 h 36" name="T21"/>
                <a:gd fmla="*/ 2 w 71" name="T22"/>
                <a:gd fmla="*/ 14 h 36" name="T23"/>
                <a:gd fmla="*/ 0 w 71" name="T24"/>
                <a:gd fmla="*/ 11 h 36" name="T25"/>
                <a:gd fmla="*/ 5 w 71" name="T26"/>
                <a:gd fmla="*/ 7 h 36" name="T27"/>
                <a:gd fmla="*/ 5 w 71" name="T28"/>
                <a:gd fmla="*/ 6 h 36" name="T29"/>
                <a:gd fmla="*/ 14 w 71" name="T30"/>
                <a:gd fmla="*/ 2 h 36" name="T31"/>
                <a:gd fmla="*/ 17 w 71" name="T32"/>
                <a:gd fmla="*/ 0 h 36" name="T33"/>
                <a:gd fmla="*/ 19 w 71" name="T34"/>
                <a:gd fmla="*/ 1 h 36" name="T35"/>
                <a:gd fmla="*/ 21 w 71" name="T36"/>
                <a:gd fmla="*/ 5 h 36" name="T37"/>
                <a:gd fmla="*/ 19 w 71" name="T38"/>
                <a:gd fmla="*/ 6 h 36" name="T39"/>
                <a:gd fmla="*/ 21 w 71" name="T40"/>
                <a:gd fmla="*/ 7 h 36" name="T41"/>
                <a:gd fmla="*/ 22 w 71" name="T42"/>
                <a:gd fmla="*/ 5 h 36" name="T43"/>
                <a:gd fmla="*/ 28 w 71" name="T44"/>
                <a:gd fmla="*/ 4 h 36" name="T45"/>
                <a:gd fmla="*/ 31 w 71" name="T46"/>
                <a:gd fmla="*/ 9 h 36" name="T47"/>
                <a:gd fmla="*/ 34 w 71" name="T48"/>
                <a:gd fmla="*/ 7 h 36" name="T49"/>
                <a:gd fmla="*/ 37 w 71" name="T50"/>
                <a:gd fmla="*/ 4 h 36" name="T51"/>
                <a:gd fmla="*/ 40 w 71" name="T52"/>
                <a:gd fmla="*/ 5 h 36" name="T53"/>
                <a:gd fmla="*/ 41 w 71" name="T54"/>
                <a:gd fmla="*/ 9 h 36" name="T55"/>
                <a:gd fmla="*/ 43 w 71" name="T56"/>
                <a:gd fmla="*/ 13 h 36" name="T57"/>
                <a:gd fmla="*/ 47 w 71" name="T58"/>
                <a:gd fmla="*/ 10 h 36" name="T59"/>
                <a:gd fmla="*/ 44 w 71" name="T60"/>
                <a:gd fmla="*/ 8 h 36" name="T61"/>
                <a:gd fmla="*/ 44 w 71" name="T62"/>
                <a:gd fmla="*/ 2 h 36" name="T63"/>
                <a:gd fmla="*/ 48 w 71" name="T64"/>
                <a:gd fmla="*/ 1 h 36" name="T65"/>
                <a:gd fmla="*/ 52 w 71" name="T66"/>
                <a:gd fmla="*/ 8 h 36" name="T67"/>
                <a:gd fmla="*/ 55 w 71" name="T68"/>
                <a:gd fmla="*/ 10 h 36" name="T69"/>
                <a:gd fmla="*/ 56 w 71" name="T70"/>
                <a:gd fmla="*/ 13 h 36" name="T71"/>
                <a:gd fmla="*/ 55 w 71" name="T72"/>
                <a:gd fmla="*/ 16 h 36" name="T73"/>
                <a:gd fmla="*/ 58 w 71" name="T74"/>
                <a:gd fmla="*/ 20 h 36" name="T75"/>
                <a:gd fmla="*/ 67 w 71" name="T76"/>
                <a:gd fmla="*/ 21 h 36" name="T77"/>
                <a:gd fmla="*/ 70 w 71" name="T78"/>
                <a:gd fmla="*/ 23 h 36" name="T79"/>
                <a:gd fmla="*/ 71 w 71" name="T80"/>
                <a:gd fmla="*/ 25 h 36" name="T81"/>
                <a:gd fmla="*/ 63 w 71" name="T82"/>
                <a:gd fmla="*/ 25 h 36" name="T83"/>
                <a:gd fmla="*/ 65 w 71" name="T84"/>
                <a:gd fmla="*/ 32 h 36" name="T85"/>
                <a:gd fmla="*/ 55 w 71" name="T86"/>
                <a:gd fmla="*/ 32 h 36" name="T87"/>
                <a:gd fmla="*/ 41 w 71" name="T88"/>
                <a:gd fmla="*/ 32 h 36" name="T89"/>
                <a:gd fmla="*/ 36 w 71" name="T90"/>
                <a:gd fmla="*/ 33 h 36" name="T91"/>
                <a:gd fmla="*/ 35 w 71" name="T92"/>
                <a:gd fmla="*/ 35 h 36" name="T93"/>
                <a:gd fmla="*/ 23 w 71" name="T94"/>
                <a:gd fmla="*/ 35 h 36" name="T95"/>
                <a:gd fmla="*/ 19 w 71" name="T96"/>
                <a:gd fmla="*/ 29 h 36" name="T97"/>
                <a:gd fmla="*/ 12 w 71" name="T98"/>
                <a:gd fmla="*/ 27 h 36" name="T99"/>
                <a:gd fmla="*/ 11 w 71" name="T100"/>
                <a:gd fmla="*/ 28 h 36" name="T101"/>
                <a:gd fmla="*/ 11 w 71" name="T102"/>
                <a:gd fmla="*/ 26 h 36" name="T103"/>
                <a:gd fmla="*/ 8 w 71" name="T104"/>
                <a:gd fmla="*/ 27 h 36" name="T105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</a:cxnLst>
              <a:rect b="b" l="0" r="r" t="0"/>
              <a:pathLst>
                <a:path h="36" w="71">
                  <a:moveTo>
                    <a:pt x="8" y="27"/>
                  </a:moveTo>
                  <a:cubicBezTo>
                    <a:pt x="6" y="28"/>
                    <a:pt x="8" y="24"/>
                    <a:pt x="9" y="24"/>
                  </a:cubicBezTo>
                  <a:cubicBezTo>
                    <a:pt x="9" y="23"/>
                    <a:pt x="11" y="24"/>
                    <a:pt x="13" y="23"/>
                  </a:cubicBezTo>
                  <a:cubicBezTo>
                    <a:pt x="13" y="23"/>
                    <a:pt x="13" y="23"/>
                    <a:pt x="14" y="22"/>
                  </a:cubicBezTo>
                  <a:cubicBezTo>
                    <a:pt x="18" y="22"/>
                    <a:pt x="23" y="24"/>
                    <a:pt x="25" y="21"/>
                  </a:cubicBezTo>
                  <a:cubicBezTo>
                    <a:pt x="24" y="19"/>
                    <a:pt x="18" y="21"/>
                    <a:pt x="14" y="21"/>
                  </a:cubicBezTo>
                  <a:cubicBezTo>
                    <a:pt x="14" y="20"/>
                    <a:pt x="13" y="20"/>
                    <a:pt x="13" y="20"/>
                  </a:cubicBezTo>
                  <a:cubicBezTo>
                    <a:pt x="13" y="20"/>
                    <a:pt x="12" y="21"/>
                    <a:pt x="11" y="21"/>
                  </a:cubicBezTo>
                  <a:cubicBezTo>
                    <a:pt x="9" y="20"/>
                    <a:pt x="7" y="19"/>
                    <a:pt x="5" y="20"/>
                  </a:cubicBezTo>
                  <a:cubicBezTo>
                    <a:pt x="3" y="17"/>
                    <a:pt x="10" y="18"/>
                    <a:pt x="10" y="16"/>
                  </a:cubicBezTo>
                  <a:cubicBezTo>
                    <a:pt x="10" y="14"/>
                    <a:pt x="12" y="16"/>
                    <a:pt x="13" y="16"/>
                  </a:cubicBezTo>
                  <a:cubicBezTo>
                    <a:pt x="12" y="10"/>
                    <a:pt x="7" y="15"/>
                    <a:pt x="2" y="14"/>
                  </a:cubicBezTo>
                  <a:cubicBezTo>
                    <a:pt x="0" y="12"/>
                    <a:pt x="4" y="11"/>
                    <a:pt x="0" y="11"/>
                  </a:cubicBezTo>
                  <a:cubicBezTo>
                    <a:pt x="1" y="9"/>
                    <a:pt x="1" y="6"/>
                    <a:pt x="5" y="7"/>
                  </a:cubicBezTo>
                  <a:cubicBezTo>
                    <a:pt x="6" y="7"/>
                    <a:pt x="5" y="6"/>
                    <a:pt x="5" y="6"/>
                  </a:cubicBezTo>
                  <a:cubicBezTo>
                    <a:pt x="7" y="4"/>
                    <a:pt x="11" y="3"/>
                    <a:pt x="14" y="2"/>
                  </a:cubicBezTo>
                  <a:cubicBezTo>
                    <a:pt x="15" y="2"/>
                    <a:pt x="15" y="0"/>
                    <a:pt x="17" y="0"/>
                  </a:cubicBezTo>
                  <a:cubicBezTo>
                    <a:pt x="17" y="1"/>
                    <a:pt x="18" y="1"/>
                    <a:pt x="19" y="1"/>
                  </a:cubicBezTo>
                  <a:cubicBezTo>
                    <a:pt x="19" y="4"/>
                    <a:pt x="18" y="5"/>
                    <a:pt x="21" y="5"/>
                  </a:cubicBezTo>
                  <a:cubicBezTo>
                    <a:pt x="21" y="6"/>
                    <a:pt x="20" y="6"/>
                    <a:pt x="19" y="6"/>
                  </a:cubicBezTo>
                  <a:cubicBezTo>
                    <a:pt x="19" y="7"/>
                    <a:pt x="20" y="7"/>
                    <a:pt x="21" y="7"/>
                  </a:cubicBezTo>
                  <a:cubicBezTo>
                    <a:pt x="22" y="7"/>
                    <a:pt x="21" y="5"/>
                    <a:pt x="22" y="5"/>
                  </a:cubicBezTo>
                  <a:cubicBezTo>
                    <a:pt x="24" y="4"/>
                    <a:pt x="26" y="5"/>
                    <a:pt x="28" y="4"/>
                  </a:cubicBezTo>
                  <a:cubicBezTo>
                    <a:pt x="29" y="6"/>
                    <a:pt x="31" y="6"/>
                    <a:pt x="31" y="9"/>
                  </a:cubicBezTo>
                  <a:cubicBezTo>
                    <a:pt x="33" y="9"/>
                    <a:pt x="32" y="6"/>
                    <a:pt x="34" y="7"/>
                  </a:cubicBezTo>
                  <a:cubicBezTo>
                    <a:pt x="35" y="6"/>
                    <a:pt x="36" y="5"/>
                    <a:pt x="37" y="4"/>
                  </a:cubicBezTo>
                  <a:cubicBezTo>
                    <a:pt x="38" y="5"/>
                    <a:pt x="39" y="5"/>
                    <a:pt x="40" y="5"/>
                  </a:cubicBezTo>
                  <a:cubicBezTo>
                    <a:pt x="41" y="7"/>
                    <a:pt x="40" y="8"/>
                    <a:pt x="41" y="9"/>
                  </a:cubicBezTo>
                  <a:cubicBezTo>
                    <a:pt x="42" y="10"/>
                    <a:pt x="44" y="10"/>
                    <a:pt x="43" y="13"/>
                  </a:cubicBezTo>
                  <a:cubicBezTo>
                    <a:pt x="45" y="13"/>
                    <a:pt x="45" y="10"/>
                    <a:pt x="47" y="10"/>
                  </a:cubicBezTo>
                  <a:cubicBezTo>
                    <a:pt x="47" y="9"/>
                    <a:pt x="44" y="9"/>
                    <a:pt x="44" y="8"/>
                  </a:cubicBezTo>
                  <a:cubicBezTo>
                    <a:pt x="43" y="6"/>
                    <a:pt x="45" y="5"/>
                    <a:pt x="44" y="2"/>
                  </a:cubicBezTo>
                  <a:cubicBezTo>
                    <a:pt x="46" y="3"/>
                    <a:pt x="46" y="1"/>
                    <a:pt x="48" y="1"/>
                  </a:cubicBezTo>
                  <a:cubicBezTo>
                    <a:pt x="48" y="3"/>
                    <a:pt x="50" y="6"/>
                    <a:pt x="52" y="8"/>
                  </a:cubicBezTo>
                  <a:cubicBezTo>
                    <a:pt x="52" y="8"/>
                    <a:pt x="54" y="12"/>
                    <a:pt x="55" y="10"/>
                  </a:cubicBezTo>
                  <a:cubicBezTo>
                    <a:pt x="56" y="10"/>
                    <a:pt x="55" y="13"/>
                    <a:pt x="56" y="13"/>
                  </a:cubicBezTo>
                  <a:cubicBezTo>
                    <a:pt x="56" y="14"/>
                    <a:pt x="57" y="16"/>
                    <a:pt x="55" y="16"/>
                  </a:cubicBezTo>
                  <a:cubicBezTo>
                    <a:pt x="56" y="18"/>
                    <a:pt x="59" y="17"/>
                    <a:pt x="58" y="20"/>
                  </a:cubicBezTo>
                  <a:cubicBezTo>
                    <a:pt x="62" y="18"/>
                    <a:pt x="62" y="21"/>
                    <a:pt x="67" y="21"/>
                  </a:cubicBezTo>
                  <a:cubicBezTo>
                    <a:pt x="65" y="24"/>
                    <a:pt x="69" y="23"/>
                    <a:pt x="70" y="23"/>
                  </a:cubicBezTo>
                  <a:cubicBezTo>
                    <a:pt x="70" y="24"/>
                    <a:pt x="68" y="26"/>
                    <a:pt x="71" y="25"/>
                  </a:cubicBezTo>
                  <a:cubicBezTo>
                    <a:pt x="69" y="30"/>
                    <a:pt x="67" y="24"/>
                    <a:pt x="63" y="25"/>
                  </a:cubicBezTo>
                  <a:cubicBezTo>
                    <a:pt x="62" y="29"/>
                    <a:pt x="66" y="28"/>
                    <a:pt x="65" y="32"/>
                  </a:cubicBezTo>
                  <a:cubicBezTo>
                    <a:pt x="62" y="33"/>
                    <a:pt x="57" y="34"/>
                    <a:pt x="55" y="32"/>
                  </a:cubicBezTo>
                  <a:cubicBezTo>
                    <a:pt x="51" y="30"/>
                    <a:pt x="45" y="29"/>
                    <a:pt x="41" y="32"/>
                  </a:cubicBezTo>
                  <a:cubicBezTo>
                    <a:pt x="40" y="33"/>
                    <a:pt x="39" y="32"/>
                    <a:pt x="36" y="33"/>
                  </a:cubicBezTo>
                  <a:cubicBezTo>
                    <a:pt x="36" y="33"/>
                    <a:pt x="36" y="34"/>
                    <a:pt x="35" y="35"/>
                  </a:cubicBezTo>
                  <a:cubicBezTo>
                    <a:pt x="33" y="33"/>
                    <a:pt x="28" y="36"/>
                    <a:pt x="23" y="35"/>
                  </a:cubicBezTo>
                  <a:cubicBezTo>
                    <a:pt x="22" y="33"/>
                    <a:pt x="20" y="31"/>
                    <a:pt x="19" y="29"/>
                  </a:cubicBezTo>
                  <a:cubicBezTo>
                    <a:pt x="16" y="29"/>
                    <a:pt x="12" y="30"/>
                    <a:pt x="12" y="27"/>
                  </a:cubicBezTo>
                  <a:cubicBezTo>
                    <a:pt x="11" y="27"/>
                    <a:pt x="11" y="28"/>
                    <a:pt x="11" y="28"/>
                  </a:cubicBezTo>
                  <a:cubicBezTo>
                    <a:pt x="9" y="28"/>
                    <a:pt x="10" y="26"/>
                    <a:pt x="11" y="26"/>
                  </a:cubicBezTo>
                  <a:cubicBezTo>
                    <a:pt x="11" y="24"/>
                    <a:pt x="8" y="26"/>
                    <a:pt x="8" y="27"/>
                  </a:cubicBezTo>
                </a:path>
              </a:pathLst>
            </a:custGeom>
            <a:solidFill>
              <a:srgbClr val="E1DAAD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" name="Freeform 12"/>
            <p:cNvSpPr>
              <a:spLocks noEditPoints="1"/>
            </p:cNvSpPr>
            <p:nvPr/>
          </p:nvSpPr>
          <p:spPr bwMode="auto">
            <a:xfrm>
              <a:off x="1512888" y="1763713"/>
              <a:ext cx="2219325" cy="2574925"/>
            </a:xfrm>
            <a:custGeom>
              <a:gdLst>
                <a:gd fmla="*/ 331 w 506" name="T0"/>
                <a:gd fmla="*/ 38 h 587" name="T1"/>
                <a:gd fmla="*/ 298 w 506" name="T2"/>
                <a:gd fmla="*/ 61 h 587" name="T3"/>
                <a:gd fmla="*/ 294 w 506" name="T4"/>
                <a:gd fmla="*/ 96 h 587" name="T5"/>
                <a:gd fmla="*/ 335 w 506" name="T6"/>
                <a:gd fmla="*/ 123 h 587" name="T7"/>
                <a:gd fmla="*/ 348 w 506" name="T8"/>
                <a:gd fmla="*/ 86 h 587" name="T9"/>
                <a:gd fmla="*/ 383 w 506" name="T10"/>
                <a:gd fmla="*/ 85 h 587" name="T11"/>
                <a:gd fmla="*/ 414 w 506" name="T12"/>
                <a:gd fmla="*/ 94 h 587" name="T13"/>
                <a:gd fmla="*/ 427 w 506" name="T14"/>
                <a:gd fmla="*/ 126 h 587" name="T15"/>
                <a:gd fmla="*/ 388 w 506" name="T16"/>
                <a:gd fmla="*/ 140 h 587" name="T17"/>
                <a:gd fmla="*/ 411 w 506" name="T18"/>
                <a:gd fmla="*/ 155 h 587" name="T19"/>
                <a:gd fmla="*/ 402 w 506" name="T20"/>
                <a:gd fmla="*/ 159 h 587" name="T21"/>
                <a:gd fmla="*/ 359 w 506" name="T22"/>
                <a:gd fmla="*/ 191 h 587" name="T23"/>
                <a:gd fmla="*/ 341 w 506" name="T24"/>
                <a:gd fmla="*/ 244 h 587" name="T25"/>
                <a:gd fmla="*/ 304 w 506" name="T26"/>
                <a:gd fmla="*/ 223 h 587" name="T27"/>
                <a:gd fmla="*/ 274 w 506" name="T28"/>
                <a:gd fmla="*/ 264 h 587" name="T29"/>
                <a:gd fmla="*/ 307 w 506" name="T30"/>
                <a:gd fmla="*/ 280 h 587" name="T31"/>
                <a:gd fmla="*/ 354 w 506" name="T32"/>
                <a:gd fmla="*/ 311 h 587" name="T33"/>
                <a:gd fmla="*/ 392 w 506" name="T34"/>
                <a:gd fmla="*/ 306 h 587" name="T35"/>
                <a:gd fmla="*/ 453 w 506" name="T36"/>
                <a:gd fmla="*/ 331 h 587" name="T37"/>
                <a:gd fmla="*/ 506 w 506" name="T38"/>
                <a:gd fmla="*/ 364 h 587" name="T39"/>
                <a:gd fmla="*/ 483 w 506" name="T40"/>
                <a:gd fmla="*/ 437 h 587" name="T41"/>
                <a:gd fmla="*/ 453 w 506" name="T42"/>
                <a:gd fmla="*/ 470 h 587" name="T43"/>
                <a:gd fmla="*/ 425 w 506" name="T44"/>
                <a:gd fmla="*/ 501 h 587" name="T45"/>
                <a:gd fmla="*/ 399 w 506" name="T46"/>
                <a:gd fmla="*/ 531 h 587" name="T47"/>
                <a:gd fmla="*/ 388 w 506" name="T48"/>
                <a:gd fmla="*/ 554 h 587" name="T49"/>
                <a:gd fmla="*/ 367 w 506" name="T50"/>
                <a:gd fmla="*/ 577 h 587" name="T51"/>
                <a:gd fmla="*/ 360 w 506" name="T52"/>
                <a:gd fmla="*/ 545 h 587" name="T53"/>
                <a:gd fmla="*/ 376 w 506" name="T54"/>
                <a:gd fmla="*/ 479 h 587" name="T55"/>
                <a:gd fmla="*/ 374 w 506" name="T56"/>
                <a:gd fmla="*/ 416 h 587" name="T57"/>
                <a:gd fmla="*/ 341 w 506" name="T58"/>
                <a:gd fmla="*/ 373 h 587" name="T59"/>
                <a:gd fmla="*/ 348 w 506" name="T60"/>
                <a:gd fmla="*/ 338 h 587" name="T61"/>
                <a:gd fmla="*/ 318 w 506" name="T62"/>
                <a:gd fmla="*/ 301 h 587" name="T63"/>
                <a:gd fmla="*/ 286 w 506" name="T64"/>
                <a:gd fmla="*/ 282 h 587" name="T65"/>
                <a:gd fmla="*/ 238 w 506" name="T66"/>
                <a:gd fmla="*/ 254 h 587" name="T67"/>
                <a:gd fmla="*/ 210 w 506" name="T68"/>
                <a:gd fmla="*/ 225 h 587" name="T69"/>
                <a:gd fmla="*/ 210 w 506" name="T70"/>
                <a:gd fmla="*/ 237 h 587" name="T71"/>
                <a:gd fmla="*/ 181 w 506" name="T72"/>
                <a:gd fmla="*/ 201 h 587" name="T73"/>
                <a:gd fmla="*/ 163 w 506" name="T74"/>
                <a:gd fmla="*/ 137 h 587" name="T75"/>
                <a:gd fmla="*/ 153 w 506" name="T76"/>
                <a:gd fmla="*/ 119 h 587" name="T77"/>
                <a:gd fmla="*/ 125 w 506" name="T78"/>
                <a:gd fmla="*/ 89 h 587" name="T79"/>
                <a:gd fmla="*/ 77 w 506" name="T80"/>
                <a:gd fmla="*/ 74 h 587" name="T81"/>
                <a:gd fmla="*/ 54 w 506" name="T82"/>
                <a:gd fmla="*/ 86 h 587" name="T83"/>
                <a:gd fmla="*/ 30 w 506" name="T84"/>
                <a:gd fmla="*/ 101 h 587" name="T85"/>
                <a:gd fmla="*/ 13 w 506" name="T86"/>
                <a:gd fmla="*/ 78 h 587" name="T87"/>
                <a:gd fmla="*/ 5 w 506" name="T88"/>
                <a:gd fmla="*/ 50 h 587" name="T89"/>
                <a:gd fmla="*/ 14 w 506" name="T90"/>
                <a:gd fmla="*/ 32 h 587" name="T91"/>
                <a:gd fmla="*/ 49 w 506" name="T92"/>
                <a:gd fmla="*/ 11 h 587" name="T93"/>
                <a:gd fmla="*/ 131 w 506" name="T94"/>
                <a:gd fmla="*/ 19 h 587" name="T95"/>
                <a:gd fmla="*/ 170 w 506" name="T96"/>
                <a:gd fmla="*/ 21 h 587" name="T97"/>
                <a:gd fmla="*/ 231 w 506" name="T98"/>
                <a:gd fmla="*/ 37 h 587" name="T99"/>
                <a:gd fmla="*/ 275 w 506" name="T100"/>
                <a:gd fmla="*/ 27 h 587" name="T101"/>
                <a:gd fmla="*/ 287 w 506" name="T102"/>
                <a:gd fmla="*/ 6 h 587" name="T103"/>
                <a:gd fmla="*/ 310 w 506" name="T104"/>
                <a:gd fmla="*/ 26 h 587" name="T105"/>
                <a:gd fmla="*/ 166 w 506" name="T106"/>
                <a:gd fmla="*/ 44 h 587" name="T107"/>
                <a:gd fmla="*/ 214 w 506" name="T108"/>
                <a:gd fmla="*/ 69 h 587" name="T109"/>
                <a:gd fmla="*/ 206 w 506" name="T110"/>
                <a:gd fmla="*/ 68 h 587" name="T111"/>
                <a:gd fmla="*/ 273 w 506" name="T112"/>
                <a:gd fmla="*/ 128 h 587" name="T113"/>
                <a:gd fmla="*/ 295 w 506" name="T114"/>
                <a:gd fmla="*/ 151 h 587" name="T115"/>
                <a:gd fmla="*/ 314 w 506" name="T116"/>
                <a:gd fmla="*/ 138 h 587" name="T117"/>
                <a:gd fmla="*/ 310 w 506" name="T118"/>
                <a:gd fmla="*/ 174 h 587" name="T119"/>
                <a:gd fmla="*/ 344 w 506" name="T120"/>
                <a:gd fmla="*/ 162 h 587" name="T121"/>
                <a:gd fmla="*/ 334 w 506" name="T122"/>
                <a:gd fmla="*/ 173 h 587" name="T12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b="b" l="0" r="r" t="0"/>
              <a:pathLst>
                <a:path h="587" w="506">
                  <a:moveTo>
                    <a:pt x="308" y="32"/>
                  </a:moveTo>
                  <a:cubicBezTo>
                    <a:pt x="309" y="33"/>
                    <a:pt x="311" y="30"/>
                    <a:pt x="310" y="34"/>
                  </a:cubicBezTo>
                  <a:cubicBezTo>
                    <a:pt x="313" y="34"/>
                    <a:pt x="313" y="34"/>
                    <a:pt x="313" y="34"/>
                  </a:cubicBezTo>
                  <a:cubicBezTo>
                    <a:pt x="315" y="34"/>
                    <a:pt x="315" y="32"/>
                    <a:pt x="315" y="30"/>
                  </a:cubicBezTo>
                  <a:cubicBezTo>
                    <a:pt x="316" y="29"/>
                    <a:pt x="317" y="28"/>
                    <a:pt x="317" y="27"/>
                  </a:cubicBezTo>
                  <a:cubicBezTo>
                    <a:pt x="320" y="28"/>
                    <a:pt x="318" y="24"/>
                    <a:pt x="321" y="25"/>
                  </a:cubicBezTo>
                  <a:cubicBezTo>
                    <a:pt x="321" y="18"/>
                    <a:pt x="321" y="18"/>
                    <a:pt x="321" y="18"/>
                  </a:cubicBezTo>
                  <a:cubicBezTo>
                    <a:pt x="324" y="18"/>
                    <a:pt x="326" y="17"/>
                    <a:pt x="328" y="18"/>
                  </a:cubicBezTo>
                  <a:cubicBezTo>
                    <a:pt x="329" y="19"/>
                    <a:pt x="329" y="20"/>
                    <a:pt x="329" y="21"/>
                  </a:cubicBezTo>
                  <a:cubicBezTo>
                    <a:pt x="330" y="21"/>
                    <a:pt x="331" y="21"/>
                    <a:pt x="331" y="21"/>
                  </a:cubicBezTo>
                  <a:cubicBezTo>
                    <a:pt x="333" y="21"/>
                    <a:pt x="333" y="23"/>
                    <a:pt x="334" y="23"/>
                  </a:cubicBezTo>
                  <a:cubicBezTo>
                    <a:pt x="335" y="26"/>
                    <a:pt x="333" y="27"/>
                    <a:pt x="331" y="28"/>
                  </a:cubicBezTo>
                  <a:cubicBezTo>
                    <a:pt x="333" y="29"/>
                    <a:pt x="333" y="33"/>
                    <a:pt x="335" y="33"/>
                  </a:cubicBezTo>
                  <a:cubicBezTo>
                    <a:pt x="334" y="36"/>
                    <a:pt x="332" y="36"/>
                    <a:pt x="331" y="38"/>
                  </a:cubicBezTo>
                  <a:cubicBezTo>
                    <a:pt x="330" y="38"/>
                    <a:pt x="329" y="40"/>
                    <a:pt x="328" y="38"/>
                  </a:cubicBezTo>
                  <a:cubicBezTo>
                    <a:pt x="327" y="39"/>
                    <a:pt x="327" y="42"/>
                    <a:pt x="326" y="43"/>
                  </a:cubicBezTo>
                  <a:cubicBezTo>
                    <a:pt x="325" y="42"/>
                    <a:pt x="326" y="40"/>
                    <a:pt x="322" y="41"/>
                  </a:cubicBezTo>
                  <a:cubicBezTo>
                    <a:pt x="322" y="40"/>
                    <a:pt x="323" y="40"/>
                    <a:pt x="324" y="40"/>
                  </a:cubicBezTo>
                  <a:cubicBezTo>
                    <a:pt x="322" y="37"/>
                    <a:pt x="318" y="41"/>
                    <a:pt x="315" y="40"/>
                  </a:cubicBezTo>
                  <a:cubicBezTo>
                    <a:pt x="316" y="43"/>
                    <a:pt x="315" y="42"/>
                    <a:pt x="315" y="46"/>
                  </a:cubicBezTo>
                  <a:cubicBezTo>
                    <a:pt x="314" y="46"/>
                    <a:pt x="314" y="45"/>
                    <a:pt x="314" y="44"/>
                  </a:cubicBezTo>
                  <a:cubicBezTo>
                    <a:pt x="312" y="44"/>
                    <a:pt x="312" y="47"/>
                    <a:pt x="309" y="47"/>
                  </a:cubicBezTo>
                  <a:cubicBezTo>
                    <a:pt x="310" y="48"/>
                    <a:pt x="311" y="47"/>
                    <a:pt x="311" y="49"/>
                  </a:cubicBezTo>
                  <a:cubicBezTo>
                    <a:pt x="311" y="50"/>
                    <a:pt x="310" y="51"/>
                    <a:pt x="310" y="53"/>
                  </a:cubicBezTo>
                  <a:cubicBezTo>
                    <a:pt x="308" y="51"/>
                    <a:pt x="305" y="56"/>
                    <a:pt x="305" y="55"/>
                  </a:cubicBezTo>
                  <a:cubicBezTo>
                    <a:pt x="304" y="55"/>
                    <a:pt x="303" y="54"/>
                    <a:pt x="303" y="57"/>
                  </a:cubicBezTo>
                  <a:cubicBezTo>
                    <a:pt x="299" y="57"/>
                    <a:pt x="299" y="57"/>
                    <a:pt x="299" y="57"/>
                  </a:cubicBezTo>
                  <a:cubicBezTo>
                    <a:pt x="298" y="58"/>
                    <a:pt x="298" y="60"/>
                    <a:pt x="298" y="61"/>
                  </a:cubicBezTo>
                  <a:cubicBezTo>
                    <a:pt x="297" y="60"/>
                    <a:pt x="296" y="60"/>
                    <a:pt x="296" y="62"/>
                  </a:cubicBezTo>
                  <a:cubicBezTo>
                    <a:pt x="294" y="60"/>
                    <a:pt x="294" y="62"/>
                    <a:pt x="291" y="62"/>
                  </a:cubicBezTo>
                  <a:cubicBezTo>
                    <a:pt x="292" y="63"/>
                    <a:pt x="292" y="64"/>
                    <a:pt x="292" y="66"/>
                  </a:cubicBezTo>
                  <a:cubicBezTo>
                    <a:pt x="290" y="64"/>
                    <a:pt x="291" y="66"/>
                    <a:pt x="289" y="69"/>
                  </a:cubicBezTo>
                  <a:cubicBezTo>
                    <a:pt x="288" y="71"/>
                    <a:pt x="286" y="73"/>
                    <a:pt x="285" y="77"/>
                  </a:cubicBezTo>
                  <a:cubicBezTo>
                    <a:pt x="283" y="79"/>
                    <a:pt x="282" y="81"/>
                    <a:pt x="281" y="83"/>
                  </a:cubicBezTo>
                  <a:cubicBezTo>
                    <a:pt x="281" y="85"/>
                    <a:pt x="282" y="83"/>
                    <a:pt x="282" y="83"/>
                  </a:cubicBezTo>
                  <a:cubicBezTo>
                    <a:pt x="283" y="83"/>
                    <a:pt x="282" y="84"/>
                    <a:pt x="283" y="84"/>
                  </a:cubicBezTo>
                  <a:cubicBezTo>
                    <a:pt x="283" y="84"/>
                    <a:pt x="284" y="86"/>
                    <a:pt x="285" y="86"/>
                  </a:cubicBezTo>
                  <a:cubicBezTo>
                    <a:pt x="285" y="86"/>
                    <a:pt x="286" y="84"/>
                    <a:pt x="288" y="86"/>
                  </a:cubicBezTo>
                  <a:cubicBezTo>
                    <a:pt x="289" y="86"/>
                    <a:pt x="289" y="87"/>
                    <a:pt x="290" y="87"/>
                  </a:cubicBezTo>
                  <a:cubicBezTo>
                    <a:pt x="290" y="91"/>
                    <a:pt x="290" y="91"/>
                    <a:pt x="290" y="91"/>
                  </a:cubicBezTo>
                  <a:cubicBezTo>
                    <a:pt x="291" y="92"/>
                    <a:pt x="292" y="91"/>
                    <a:pt x="292" y="93"/>
                  </a:cubicBezTo>
                  <a:cubicBezTo>
                    <a:pt x="293" y="94"/>
                    <a:pt x="294" y="94"/>
                    <a:pt x="294" y="96"/>
                  </a:cubicBezTo>
                  <a:cubicBezTo>
                    <a:pt x="299" y="95"/>
                    <a:pt x="303" y="97"/>
                    <a:pt x="306" y="96"/>
                  </a:cubicBezTo>
                  <a:cubicBezTo>
                    <a:pt x="306" y="99"/>
                    <a:pt x="310" y="98"/>
                    <a:pt x="312" y="100"/>
                  </a:cubicBezTo>
                  <a:cubicBezTo>
                    <a:pt x="313" y="101"/>
                    <a:pt x="313" y="100"/>
                    <a:pt x="313" y="101"/>
                  </a:cubicBezTo>
                  <a:cubicBezTo>
                    <a:pt x="313" y="103"/>
                    <a:pt x="314" y="101"/>
                    <a:pt x="314" y="101"/>
                  </a:cubicBezTo>
                  <a:cubicBezTo>
                    <a:pt x="315" y="101"/>
                    <a:pt x="315" y="103"/>
                    <a:pt x="316" y="103"/>
                  </a:cubicBezTo>
                  <a:cubicBezTo>
                    <a:pt x="318" y="104"/>
                    <a:pt x="319" y="103"/>
                    <a:pt x="319" y="105"/>
                  </a:cubicBezTo>
                  <a:cubicBezTo>
                    <a:pt x="324" y="105"/>
                    <a:pt x="327" y="107"/>
                    <a:pt x="331" y="107"/>
                  </a:cubicBezTo>
                  <a:cubicBezTo>
                    <a:pt x="332" y="110"/>
                    <a:pt x="331" y="113"/>
                    <a:pt x="332" y="115"/>
                  </a:cubicBezTo>
                  <a:cubicBezTo>
                    <a:pt x="332" y="114"/>
                    <a:pt x="333" y="116"/>
                    <a:pt x="333" y="116"/>
                  </a:cubicBezTo>
                  <a:cubicBezTo>
                    <a:pt x="333" y="116"/>
                    <a:pt x="332" y="118"/>
                    <a:pt x="332" y="117"/>
                  </a:cubicBezTo>
                  <a:cubicBezTo>
                    <a:pt x="333" y="119"/>
                    <a:pt x="334" y="118"/>
                    <a:pt x="334" y="118"/>
                  </a:cubicBezTo>
                  <a:cubicBezTo>
                    <a:pt x="334" y="119"/>
                    <a:pt x="332" y="121"/>
                    <a:pt x="335" y="120"/>
                  </a:cubicBezTo>
                  <a:cubicBezTo>
                    <a:pt x="335" y="121"/>
                    <a:pt x="334" y="122"/>
                    <a:pt x="334" y="123"/>
                  </a:cubicBezTo>
                  <a:cubicBezTo>
                    <a:pt x="334" y="124"/>
                    <a:pt x="335" y="124"/>
                    <a:pt x="335" y="123"/>
                  </a:cubicBezTo>
                  <a:cubicBezTo>
                    <a:pt x="336" y="123"/>
                    <a:pt x="336" y="125"/>
                    <a:pt x="336" y="125"/>
                  </a:cubicBezTo>
                  <a:cubicBezTo>
                    <a:pt x="336" y="125"/>
                    <a:pt x="338" y="125"/>
                    <a:pt x="338" y="125"/>
                  </a:cubicBezTo>
                  <a:cubicBezTo>
                    <a:pt x="339" y="126"/>
                    <a:pt x="343" y="126"/>
                    <a:pt x="346" y="125"/>
                  </a:cubicBezTo>
                  <a:cubicBezTo>
                    <a:pt x="347" y="121"/>
                    <a:pt x="347" y="119"/>
                    <a:pt x="346" y="116"/>
                  </a:cubicBezTo>
                  <a:cubicBezTo>
                    <a:pt x="346" y="114"/>
                    <a:pt x="344" y="115"/>
                    <a:pt x="344" y="115"/>
                  </a:cubicBezTo>
                  <a:cubicBezTo>
                    <a:pt x="343" y="113"/>
                    <a:pt x="345" y="110"/>
                    <a:pt x="342" y="111"/>
                  </a:cubicBezTo>
                  <a:cubicBezTo>
                    <a:pt x="342" y="110"/>
                    <a:pt x="344" y="110"/>
                    <a:pt x="344" y="108"/>
                  </a:cubicBezTo>
                  <a:cubicBezTo>
                    <a:pt x="348" y="109"/>
                    <a:pt x="347" y="106"/>
                    <a:pt x="350" y="106"/>
                  </a:cubicBezTo>
                  <a:cubicBezTo>
                    <a:pt x="352" y="106"/>
                    <a:pt x="351" y="104"/>
                    <a:pt x="351" y="103"/>
                  </a:cubicBezTo>
                  <a:cubicBezTo>
                    <a:pt x="351" y="103"/>
                    <a:pt x="354" y="104"/>
                    <a:pt x="354" y="103"/>
                  </a:cubicBezTo>
                  <a:cubicBezTo>
                    <a:pt x="352" y="99"/>
                    <a:pt x="355" y="95"/>
                    <a:pt x="353" y="93"/>
                  </a:cubicBezTo>
                  <a:cubicBezTo>
                    <a:pt x="353" y="91"/>
                    <a:pt x="352" y="93"/>
                    <a:pt x="352" y="93"/>
                  </a:cubicBezTo>
                  <a:cubicBezTo>
                    <a:pt x="351" y="92"/>
                    <a:pt x="352" y="89"/>
                    <a:pt x="349" y="90"/>
                  </a:cubicBezTo>
                  <a:cubicBezTo>
                    <a:pt x="350" y="88"/>
                    <a:pt x="348" y="88"/>
                    <a:pt x="348" y="86"/>
                  </a:cubicBezTo>
                  <a:cubicBezTo>
                    <a:pt x="348" y="84"/>
                    <a:pt x="349" y="83"/>
                    <a:pt x="351" y="83"/>
                  </a:cubicBezTo>
                  <a:cubicBezTo>
                    <a:pt x="350" y="82"/>
                    <a:pt x="353" y="77"/>
                    <a:pt x="348" y="76"/>
                  </a:cubicBezTo>
                  <a:cubicBezTo>
                    <a:pt x="349" y="76"/>
                    <a:pt x="349" y="75"/>
                    <a:pt x="349" y="74"/>
                  </a:cubicBezTo>
                  <a:cubicBezTo>
                    <a:pt x="349" y="74"/>
                    <a:pt x="348" y="73"/>
                    <a:pt x="348" y="73"/>
                  </a:cubicBezTo>
                  <a:cubicBezTo>
                    <a:pt x="349" y="72"/>
                    <a:pt x="350" y="73"/>
                    <a:pt x="349" y="72"/>
                  </a:cubicBezTo>
                  <a:cubicBezTo>
                    <a:pt x="349" y="71"/>
                    <a:pt x="348" y="71"/>
                    <a:pt x="348" y="70"/>
                  </a:cubicBezTo>
                  <a:cubicBezTo>
                    <a:pt x="348" y="69"/>
                    <a:pt x="350" y="67"/>
                    <a:pt x="348" y="66"/>
                  </a:cubicBezTo>
                  <a:cubicBezTo>
                    <a:pt x="349" y="65"/>
                    <a:pt x="356" y="64"/>
                    <a:pt x="355" y="67"/>
                  </a:cubicBezTo>
                  <a:cubicBezTo>
                    <a:pt x="359" y="67"/>
                    <a:pt x="364" y="68"/>
                    <a:pt x="366" y="65"/>
                  </a:cubicBezTo>
                  <a:cubicBezTo>
                    <a:pt x="368" y="68"/>
                    <a:pt x="373" y="68"/>
                    <a:pt x="372" y="73"/>
                  </a:cubicBezTo>
                  <a:cubicBezTo>
                    <a:pt x="380" y="73"/>
                    <a:pt x="380" y="73"/>
                    <a:pt x="380" y="73"/>
                  </a:cubicBezTo>
                  <a:cubicBezTo>
                    <a:pt x="380" y="74"/>
                    <a:pt x="381" y="74"/>
                    <a:pt x="382" y="75"/>
                  </a:cubicBezTo>
                  <a:cubicBezTo>
                    <a:pt x="382" y="76"/>
                    <a:pt x="382" y="78"/>
                    <a:pt x="382" y="80"/>
                  </a:cubicBezTo>
                  <a:cubicBezTo>
                    <a:pt x="382" y="82"/>
                    <a:pt x="384" y="85"/>
                    <a:pt x="383" y="85"/>
                  </a:cubicBezTo>
                  <a:cubicBezTo>
                    <a:pt x="383" y="86"/>
                    <a:pt x="385" y="86"/>
                    <a:pt x="386" y="86"/>
                  </a:cubicBezTo>
                  <a:cubicBezTo>
                    <a:pt x="385" y="89"/>
                    <a:pt x="389" y="87"/>
                    <a:pt x="387" y="90"/>
                  </a:cubicBezTo>
                  <a:cubicBezTo>
                    <a:pt x="391" y="91"/>
                    <a:pt x="392" y="88"/>
                    <a:pt x="395" y="89"/>
                  </a:cubicBezTo>
                  <a:cubicBezTo>
                    <a:pt x="395" y="88"/>
                    <a:pt x="395" y="87"/>
                    <a:pt x="394" y="87"/>
                  </a:cubicBezTo>
                  <a:cubicBezTo>
                    <a:pt x="395" y="85"/>
                    <a:pt x="396" y="85"/>
                    <a:pt x="397" y="86"/>
                  </a:cubicBezTo>
                  <a:cubicBezTo>
                    <a:pt x="396" y="83"/>
                    <a:pt x="399" y="83"/>
                    <a:pt x="400" y="82"/>
                  </a:cubicBezTo>
                  <a:cubicBezTo>
                    <a:pt x="401" y="81"/>
                    <a:pt x="399" y="81"/>
                    <a:pt x="399" y="81"/>
                  </a:cubicBezTo>
                  <a:cubicBezTo>
                    <a:pt x="399" y="80"/>
                    <a:pt x="401" y="80"/>
                    <a:pt x="403" y="79"/>
                  </a:cubicBezTo>
                  <a:cubicBezTo>
                    <a:pt x="401" y="81"/>
                    <a:pt x="402" y="81"/>
                    <a:pt x="405" y="84"/>
                  </a:cubicBezTo>
                  <a:cubicBezTo>
                    <a:pt x="406" y="86"/>
                    <a:pt x="407" y="88"/>
                    <a:pt x="411" y="88"/>
                  </a:cubicBezTo>
                  <a:cubicBezTo>
                    <a:pt x="410" y="89"/>
                    <a:pt x="409" y="89"/>
                    <a:pt x="409" y="90"/>
                  </a:cubicBezTo>
                  <a:cubicBezTo>
                    <a:pt x="409" y="91"/>
                    <a:pt x="411" y="91"/>
                    <a:pt x="411" y="93"/>
                  </a:cubicBezTo>
                  <a:cubicBezTo>
                    <a:pt x="412" y="93"/>
                    <a:pt x="411" y="91"/>
                    <a:pt x="411" y="91"/>
                  </a:cubicBezTo>
                  <a:cubicBezTo>
                    <a:pt x="414" y="90"/>
                    <a:pt x="411" y="95"/>
                    <a:pt x="414" y="94"/>
                  </a:cubicBezTo>
                  <a:cubicBezTo>
                    <a:pt x="413" y="96"/>
                    <a:pt x="415" y="97"/>
                    <a:pt x="412" y="99"/>
                  </a:cubicBezTo>
                  <a:cubicBezTo>
                    <a:pt x="413" y="101"/>
                    <a:pt x="415" y="100"/>
                    <a:pt x="416" y="101"/>
                  </a:cubicBezTo>
                  <a:cubicBezTo>
                    <a:pt x="417" y="102"/>
                    <a:pt x="415" y="103"/>
                    <a:pt x="415" y="103"/>
                  </a:cubicBezTo>
                  <a:cubicBezTo>
                    <a:pt x="416" y="104"/>
                    <a:pt x="418" y="104"/>
                    <a:pt x="418" y="104"/>
                  </a:cubicBezTo>
                  <a:cubicBezTo>
                    <a:pt x="419" y="105"/>
                    <a:pt x="420" y="106"/>
                    <a:pt x="420" y="106"/>
                  </a:cubicBezTo>
                  <a:cubicBezTo>
                    <a:pt x="422" y="107"/>
                    <a:pt x="424" y="107"/>
                    <a:pt x="425" y="109"/>
                  </a:cubicBezTo>
                  <a:cubicBezTo>
                    <a:pt x="426" y="109"/>
                    <a:pt x="427" y="105"/>
                    <a:pt x="428" y="108"/>
                  </a:cubicBezTo>
                  <a:cubicBezTo>
                    <a:pt x="428" y="111"/>
                    <a:pt x="425" y="111"/>
                    <a:pt x="423" y="111"/>
                  </a:cubicBezTo>
                  <a:cubicBezTo>
                    <a:pt x="425" y="113"/>
                    <a:pt x="427" y="113"/>
                    <a:pt x="431" y="114"/>
                  </a:cubicBezTo>
                  <a:cubicBezTo>
                    <a:pt x="430" y="115"/>
                    <a:pt x="431" y="115"/>
                    <a:pt x="432" y="116"/>
                  </a:cubicBezTo>
                  <a:cubicBezTo>
                    <a:pt x="432" y="117"/>
                    <a:pt x="433" y="119"/>
                    <a:pt x="434" y="118"/>
                  </a:cubicBezTo>
                  <a:cubicBezTo>
                    <a:pt x="434" y="120"/>
                    <a:pt x="433" y="121"/>
                    <a:pt x="433" y="123"/>
                  </a:cubicBezTo>
                  <a:cubicBezTo>
                    <a:pt x="431" y="124"/>
                    <a:pt x="430" y="124"/>
                    <a:pt x="428" y="125"/>
                  </a:cubicBezTo>
                  <a:cubicBezTo>
                    <a:pt x="427" y="125"/>
                    <a:pt x="428" y="126"/>
                    <a:pt x="427" y="126"/>
                  </a:cubicBezTo>
                  <a:cubicBezTo>
                    <a:pt x="426" y="126"/>
                    <a:pt x="425" y="126"/>
                    <a:pt x="425" y="127"/>
                  </a:cubicBezTo>
                  <a:cubicBezTo>
                    <a:pt x="425" y="129"/>
                    <a:pt x="423" y="127"/>
                    <a:pt x="423" y="127"/>
                  </a:cubicBezTo>
                  <a:cubicBezTo>
                    <a:pt x="423" y="127"/>
                    <a:pt x="421" y="129"/>
                    <a:pt x="421" y="129"/>
                  </a:cubicBezTo>
                  <a:cubicBezTo>
                    <a:pt x="421" y="129"/>
                    <a:pt x="420" y="131"/>
                    <a:pt x="420" y="132"/>
                  </a:cubicBezTo>
                  <a:cubicBezTo>
                    <a:pt x="419" y="133"/>
                    <a:pt x="416" y="132"/>
                    <a:pt x="418" y="133"/>
                  </a:cubicBezTo>
                  <a:cubicBezTo>
                    <a:pt x="417" y="135"/>
                    <a:pt x="414" y="134"/>
                    <a:pt x="412" y="134"/>
                  </a:cubicBezTo>
                  <a:cubicBezTo>
                    <a:pt x="410" y="134"/>
                    <a:pt x="409" y="134"/>
                    <a:pt x="407" y="134"/>
                  </a:cubicBezTo>
                  <a:cubicBezTo>
                    <a:pt x="405" y="134"/>
                    <a:pt x="405" y="133"/>
                    <a:pt x="404" y="133"/>
                  </a:cubicBezTo>
                  <a:cubicBezTo>
                    <a:pt x="399" y="132"/>
                    <a:pt x="395" y="133"/>
                    <a:pt x="391" y="134"/>
                  </a:cubicBezTo>
                  <a:cubicBezTo>
                    <a:pt x="388" y="135"/>
                    <a:pt x="387" y="139"/>
                    <a:pt x="383" y="139"/>
                  </a:cubicBezTo>
                  <a:cubicBezTo>
                    <a:pt x="385" y="142"/>
                    <a:pt x="381" y="142"/>
                    <a:pt x="380" y="143"/>
                  </a:cubicBezTo>
                  <a:cubicBezTo>
                    <a:pt x="380" y="144"/>
                    <a:pt x="381" y="145"/>
                    <a:pt x="381" y="146"/>
                  </a:cubicBezTo>
                  <a:cubicBezTo>
                    <a:pt x="382" y="145"/>
                    <a:pt x="383" y="143"/>
                    <a:pt x="384" y="142"/>
                  </a:cubicBezTo>
                  <a:cubicBezTo>
                    <a:pt x="385" y="142"/>
                    <a:pt x="388" y="142"/>
                    <a:pt x="388" y="140"/>
                  </a:cubicBezTo>
                  <a:cubicBezTo>
                    <a:pt x="388" y="137"/>
                    <a:pt x="389" y="143"/>
                    <a:pt x="390" y="138"/>
                  </a:cubicBezTo>
                  <a:cubicBezTo>
                    <a:pt x="391" y="138"/>
                    <a:pt x="391" y="139"/>
                    <a:pt x="391" y="139"/>
                  </a:cubicBezTo>
                  <a:cubicBezTo>
                    <a:pt x="392" y="139"/>
                    <a:pt x="392" y="138"/>
                    <a:pt x="392" y="138"/>
                  </a:cubicBezTo>
                  <a:cubicBezTo>
                    <a:pt x="394" y="137"/>
                    <a:pt x="396" y="138"/>
                    <a:pt x="399" y="138"/>
                  </a:cubicBezTo>
                  <a:cubicBezTo>
                    <a:pt x="399" y="139"/>
                    <a:pt x="400" y="138"/>
                    <a:pt x="400" y="138"/>
                  </a:cubicBezTo>
                  <a:cubicBezTo>
                    <a:pt x="402" y="137"/>
                    <a:pt x="402" y="143"/>
                    <a:pt x="399" y="141"/>
                  </a:cubicBezTo>
                  <a:cubicBezTo>
                    <a:pt x="401" y="144"/>
                    <a:pt x="397" y="144"/>
                    <a:pt x="398" y="148"/>
                  </a:cubicBezTo>
                  <a:cubicBezTo>
                    <a:pt x="399" y="149"/>
                    <a:pt x="399" y="150"/>
                    <a:pt x="399" y="151"/>
                  </a:cubicBezTo>
                  <a:cubicBezTo>
                    <a:pt x="400" y="150"/>
                    <a:pt x="401" y="150"/>
                    <a:pt x="401" y="151"/>
                  </a:cubicBezTo>
                  <a:cubicBezTo>
                    <a:pt x="401" y="152"/>
                    <a:pt x="402" y="151"/>
                    <a:pt x="403" y="152"/>
                  </a:cubicBezTo>
                  <a:cubicBezTo>
                    <a:pt x="403" y="152"/>
                    <a:pt x="404" y="154"/>
                    <a:pt x="405" y="154"/>
                  </a:cubicBezTo>
                  <a:cubicBezTo>
                    <a:pt x="405" y="154"/>
                    <a:pt x="406" y="154"/>
                    <a:pt x="407" y="154"/>
                  </a:cubicBezTo>
                  <a:cubicBezTo>
                    <a:pt x="407" y="154"/>
                    <a:pt x="408" y="155"/>
                    <a:pt x="408" y="155"/>
                  </a:cubicBezTo>
                  <a:cubicBezTo>
                    <a:pt x="409" y="155"/>
                    <a:pt x="410" y="153"/>
                    <a:pt x="411" y="155"/>
                  </a:cubicBezTo>
                  <a:cubicBezTo>
                    <a:pt x="413" y="155"/>
                    <a:pt x="412" y="153"/>
                    <a:pt x="412" y="153"/>
                  </a:cubicBezTo>
                  <a:cubicBezTo>
                    <a:pt x="413" y="153"/>
                    <a:pt x="414" y="153"/>
                    <a:pt x="414" y="153"/>
                  </a:cubicBezTo>
                  <a:cubicBezTo>
                    <a:pt x="415" y="152"/>
                    <a:pt x="414" y="151"/>
                    <a:pt x="414" y="150"/>
                  </a:cubicBezTo>
                  <a:cubicBezTo>
                    <a:pt x="416" y="150"/>
                    <a:pt x="416" y="151"/>
                    <a:pt x="416" y="152"/>
                  </a:cubicBezTo>
                  <a:cubicBezTo>
                    <a:pt x="417" y="153"/>
                    <a:pt x="419" y="153"/>
                    <a:pt x="418" y="156"/>
                  </a:cubicBezTo>
                  <a:cubicBezTo>
                    <a:pt x="417" y="156"/>
                    <a:pt x="416" y="154"/>
                    <a:pt x="415" y="155"/>
                  </a:cubicBezTo>
                  <a:cubicBezTo>
                    <a:pt x="414" y="155"/>
                    <a:pt x="414" y="157"/>
                    <a:pt x="412" y="158"/>
                  </a:cubicBezTo>
                  <a:cubicBezTo>
                    <a:pt x="412" y="158"/>
                    <a:pt x="410" y="157"/>
                    <a:pt x="410" y="158"/>
                  </a:cubicBezTo>
                  <a:cubicBezTo>
                    <a:pt x="408" y="158"/>
                    <a:pt x="408" y="160"/>
                    <a:pt x="405" y="159"/>
                  </a:cubicBezTo>
                  <a:cubicBezTo>
                    <a:pt x="403" y="159"/>
                    <a:pt x="404" y="162"/>
                    <a:pt x="403" y="162"/>
                  </a:cubicBezTo>
                  <a:cubicBezTo>
                    <a:pt x="402" y="163"/>
                    <a:pt x="402" y="162"/>
                    <a:pt x="402" y="161"/>
                  </a:cubicBezTo>
                  <a:cubicBezTo>
                    <a:pt x="400" y="163"/>
                    <a:pt x="400" y="165"/>
                    <a:pt x="397" y="164"/>
                  </a:cubicBezTo>
                  <a:cubicBezTo>
                    <a:pt x="399" y="162"/>
                    <a:pt x="397" y="163"/>
                    <a:pt x="397" y="160"/>
                  </a:cubicBezTo>
                  <a:cubicBezTo>
                    <a:pt x="399" y="160"/>
                    <a:pt x="400" y="157"/>
                    <a:pt x="402" y="159"/>
                  </a:cubicBezTo>
                  <a:cubicBezTo>
                    <a:pt x="403" y="156"/>
                    <a:pt x="400" y="157"/>
                    <a:pt x="399" y="156"/>
                  </a:cubicBezTo>
                  <a:cubicBezTo>
                    <a:pt x="397" y="155"/>
                    <a:pt x="395" y="158"/>
                    <a:pt x="393" y="159"/>
                  </a:cubicBezTo>
                  <a:cubicBezTo>
                    <a:pt x="393" y="159"/>
                    <a:pt x="391" y="159"/>
                    <a:pt x="390" y="159"/>
                  </a:cubicBezTo>
                  <a:cubicBezTo>
                    <a:pt x="390" y="160"/>
                    <a:pt x="390" y="160"/>
                    <a:pt x="390" y="161"/>
                  </a:cubicBezTo>
                  <a:cubicBezTo>
                    <a:pt x="384" y="161"/>
                    <a:pt x="385" y="164"/>
                    <a:pt x="380" y="162"/>
                  </a:cubicBezTo>
                  <a:cubicBezTo>
                    <a:pt x="382" y="164"/>
                    <a:pt x="383" y="164"/>
                    <a:pt x="378" y="164"/>
                  </a:cubicBezTo>
                  <a:cubicBezTo>
                    <a:pt x="376" y="166"/>
                    <a:pt x="375" y="171"/>
                    <a:pt x="378" y="172"/>
                  </a:cubicBezTo>
                  <a:cubicBezTo>
                    <a:pt x="378" y="174"/>
                    <a:pt x="375" y="173"/>
                    <a:pt x="376" y="176"/>
                  </a:cubicBezTo>
                  <a:cubicBezTo>
                    <a:pt x="375" y="176"/>
                    <a:pt x="374" y="175"/>
                    <a:pt x="373" y="176"/>
                  </a:cubicBezTo>
                  <a:cubicBezTo>
                    <a:pt x="372" y="176"/>
                    <a:pt x="372" y="177"/>
                    <a:pt x="371" y="178"/>
                  </a:cubicBezTo>
                  <a:cubicBezTo>
                    <a:pt x="370" y="179"/>
                    <a:pt x="367" y="178"/>
                    <a:pt x="366" y="180"/>
                  </a:cubicBezTo>
                  <a:cubicBezTo>
                    <a:pt x="365" y="180"/>
                    <a:pt x="364" y="181"/>
                    <a:pt x="364" y="181"/>
                  </a:cubicBezTo>
                  <a:cubicBezTo>
                    <a:pt x="363" y="183"/>
                    <a:pt x="362" y="185"/>
                    <a:pt x="361" y="186"/>
                  </a:cubicBezTo>
                  <a:cubicBezTo>
                    <a:pt x="360" y="187"/>
                    <a:pt x="358" y="187"/>
                    <a:pt x="359" y="191"/>
                  </a:cubicBezTo>
                  <a:cubicBezTo>
                    <a:pt x="357" y="191"/>
                    <a:pt x="357" y="188"/>
                    <a:pt x="355" y="188"/>
                  </a:cubicBezTo>
                  <a:cubicBezTo>
                    <a:pt x="354" y="188"/>
                    <a:pt x="355" y="190"/>
                    <a:pt x="353" y="190"/>
                  </a:cubicBezTo>
                  <a:cubicBezTo>
                    <a:pt x="357" y="194"/>
                    <a:pt x="357" y="197"/>
                    <a:pt x="357" y="202"/>
                  </a:cubicBezTo>
                  <a:cubicBezTo>
                    <a:pt x="355" y="202"/>
                    <a:pt x="356" y="204"/>
                    <a:pt x="355" y="204"/>
                  </a:cubicBezTo>
                  <a:cubicBezTo>
                    <a:pt x="355" y="205"/>
                    <a:pt x="354" y="204"/>
                    <a:pt x="353" y="204"/>
                  </a:cubicBezTo>
                  <a:cubicBezTo>
                    <a:pt x="353" y="205"/>
                    <a:pt x="352" y="206"/>
                    <a:pt x="351" y="206"/>
                  </a:cubicBezTo>
                  <a:cubicBezTo>
                    <a:pt x="350" y="207"/>
                    <a:pt x="349" y="209"/>
                    <a:pt x="348" y="209"/>
                  </a:cubicBezTo>
                  <a:cubicBezTo>
                    <a:pt x="347" y="210"/>
                    <a:pt x="345" y="209"/>
                    <a:pt x="345" y="210"/>
                  </a:cubicBezTo>
                  <a:cubicBezTo>
                    <a:pt x="343" y="211"/>
                    <a:pt x="342" y="213"/>
                    <a:pt x="341" y="215"/>
                  </a:cubicBezTo>
                  <a:cubicBezTo>
                    <a:pt x="338" y="215"/>
                    <a:pt x="339" y="218"/>
                    <a:pt x="336" y="218"/>
                  </a:cubicBezTo>
                  <a:cubicBezTo>
                    <a:pt x="337" y="221"/>
                    <a:pt x="334" y="228"/>
                    <a:pt x="338" y="228"/>
                  </a:cubicBezTo>
                  <a:cubicBezTo>
                    <a:pt x="336" y="232"/>
                    <a:pt x="340" y="232"/>
                    <a:pt x="339" y="237"/>
                  </a:cubicBezTo>
                  <a:cubicBezTo>
                    <a:pt x="339" y="238"/>
                    <a:pt x="340" y="238"/>
                    <a:pt x="341" y="238"/>
                  </a:cubicBezTo>
                  <a:cubicBezTo>
                    <a:pt x="340" y="241"/>
                    <a:pt x="341" y="240"/>
                    <a:pt x="341" y="244"/>
                  </a:cubicBezTo>
                  <a:cubicBezTo>
                    <a:pt x="339" y="245"/>
                    <a:pt x="338" y="245"/>
                    <a:pt x="337" y="246"/>
                  </a:cubicBezTo>
                  <a:cubicBezTo>
                    <a:pt x="336" y="246"/>
                    <a:pt x="337" y="244"/>
                    <a:pt x="336" y="243"/>
                  </a:cubicBezTo>
                  <a:cubicBezTo>
                    <a:pt x="335" y="242"/>
                    <a:pt x="334" y="243"/>
                    <a:pt x="333" y="243"/>
                  </a:cubicBezTo>
                  <a:cubicBezTo>
                    <a:pt x="333" y="242"/>
                    <a:pt x="333" y="240"/>
                    <a:pt x="331" y="241"/>
                  </a:cubicBezTo>
                  <a:cubicBezTo>
                    <a:pt x="332" y="238"/>
                    <a:pt x="333" y="236"/>
                    <a:pt x="329" y="236"/>
                  </a:cubicBezTo>
                  <a:cubicBezTo>
                    <a:pt x="331" y="231"/>
                    <a:pt x="329" y="232"/>
                    <a:pt x="328" y="227"/>
                  </a:cubicBezTo>
                  <a:cubicBezTo>
                    <a:pt x="328" y="227"/>
                    <a:pt x="328" y="228"/>
                    <a:pt x="327" y="228"/>
                  </a:cubicBezTo>
                  <a:cubicBezTo>
                    <a:pt x="327" y="226"/>
                    <a:pt x="327" y="226"/>
                    <a:pt x="327" y="226"/>
                  </a:cubicBezTo>
                  <a:cubicBezTo>
                    <a:pt x="325" y="227"/>
                    <a:pt x="320" y="228"/>
                    <a:pt x="319" y="226"/>
                  </a:cubicBezTo>
                  <a:cubicBezTo>
                    <a:pt x="318" y="226"/>
                    <a:pt x="318" y="225"/>
                    <a:pt x="317" y="224"/>
                  </a:cubicBezTo>
                  <a:cubicBezTo>
                    <a:pt x="316" y="224"/>
                    <a:pt x="315" y="226"/>
                    <a:pt x="313" y="225"/>
                  </a:cubicBezTo>
                  <a:cubicBezTo>
                    <a:pt x="313" y="225"/>
                    <a:pt x="317" y="222"/>
                    <a:pt x="313" y="223"/>
                  </a:cubicBezTo>
                  <a:cubicBezTo>
                    <a:pt x="313" y="224"/>
                    <a:pt x="313" y="224"/>
                    <a:pt x="312" y="224"/>
                  </a:cubicBezTo>
                  <a:cubicBezTo>
                    <a:pt x="310" y="225"/>
                    <a:pt x="306" y="225"/>
                    <a:pt x="304" y="223"/>
                  </a:cubicBezTo>
                  <a:cubicBezTo>
                    <a:pt x="302" y="223"/>
                    <a:pt x="303" y="227"/>
                    <a:pt x="303" y="228"/>
                  </a:cubicBezTo>
                  <a:cubicBezTo>
                    <a:pt x="297" y="227"/>
                    <a:pt x="291" y="227"/>
                    <a:pt x="285" y="226"/>
                  </a:cubicBezTo>
                  <a:cubicBezTo>
                    <a:pt x="285" y="226"/>
                    <a:pt x="285" y="227"/>
                    <a:pt x="284" y="227"/>
                  </a:cubicBezTo>
                  <a:cubicBezTo>
                    <a:pt x="283" y="227"/>
                    <a:pt x="283" y="229"/>
                    <a:pt x="282" y="229"/>
                  </a:cubicBezTo>
                  <a:cubicBezTo>
                    <a:pt x="281" y="229"/>
                    <a:pt x="281" y="230"/>
                    <a:pt x="281" y="231"/>
                  </a:cubicBezTo>
                  <a:cubicBezTo>
                    <a:pt x="280" y="231"/>
                    <a:pt x="278" y="231"/>
                    <a:pt x="277" y="231"/>
                  </a:cubicBezTo>
                  <a:cubicBezTo>
                    <a:pt x="276" y="231"/>
                    <a:pt x="276" y="233"/>
                    <a:pt x="274" y="233"/>
                  </a:cubicBezTo>
                  <a:cubicBezTo>
                    <a:pt x="275" y="235"/>
                    <a:pt x="273" y="239"/>
                    <a:pt x="275" y="240"/>
                  </a:cubicBezTo>
                  <a:cubicBezTo>
                    <a:pt x="274" y="241"/>
                    <a:pt x="273" y="243"/>
                    <a:pt x="272" y="243"/>
                  </a:cubicBezTo>
                  <a:cubicBezTo>
                    <a:pt x="272" y="246"/>
                    <a:pt x="272" y="249"/>
                    <a:pt x="272" y="251"/>
                  </a:cubicBezTo>
                  <a:cubicBezTo>
                    <a:pt x="272" y="253"/>
                    <a:pt x="273" y="253"/>
                    <a:pt x="273" y="254"/>
                  </a:cubicBezTo>
                  <a:cubicBezTo>
                    <a:pt x="273" y="256"/>
                    <a:pt x="274" y="259"/>
                    <a:pt x="272" y="261"/>
                  </a:cubicBezTo>
                  <a:cubicBezTo>
                    <a:pt x="272" y="262"/>
                    <a:pt x="274" y="261"/>
                    <a:pt x="275" y="262"/>
                  </a:cubicBezTo>
                  <a:cubicBezTo>
                    <a:pt x="275" y="262"/>
                    <a:pt x="274" y="263"/>
                    <a:pt x="274" y="264"/>
                  </a:cubicBezTo>
                  <a:cubicBezTo>
                    <a:pt x="274" y="263"/>
                    <a:pt x="275" y="264"/>
                    <a:pt x="275" y="264"/>
                  </a:cubicBezTo>
                  <a:cubicBezTo>
                    <a:pt x="276" y="265"/>
                    <a:pt x="276" y="265"/>
                    <a:pt x="277" y="265"/>
                  </a:cubicBezTo>
                  <a:cubicBezTo>
                    <a:pt x="277" y="266"/>
                    <a:pt x="277" y="267"/>
                    <a:pt x="277" y="267"/>
                  </a:cubicBezTo>
                  <a:cubicBezTo>
                    <a:pt x="277" y="267"/>
                    <a:pt x="278" y="267"/>
                    <a:pt x="278" y="267"/>
                  </a:cubicBezTo>
                  <a:cubicBezTo>
                    <a:pt x="278" y="268"/>
                    <a:pt x="278" y="269"/>
                    <a:pt x="278" y="269"/>
                  </a:cubicBezTo>
                  <a:cubicBezTo>
                    <a:pt x="278" y="270"/>
                    <a:pt x="281" y="271"/>
                    <a:pt x="281" y="273"/>
                  </a:cubicBezTo>
                  <a:cubicBezTo>
                    <a:pt x="288" y="274"/>
                    <a:pt x="292" y="272"/>
                    <a:pt x="296" y="273"/>
                  </a:cubicBezTo>
                  <a:cubicBezTo>
                    <a:pt x="297" y="273"/>
                    <a:pt x="297" y="272"/>
                    <a:pt x="298" y="271"/>
                  </a:cubicBezTo>
                  <a:cubicBezTo>
                    <a:pt x="299" y="270"/>
                    <a:pt x="300" y="269"/>
                    <a:pt x="301" y="266"/>
                  </a:cubicBezTo>
                  <a:cubicBezTo>
                    <a:pt x="301" y="265"/>
                    <a:pt x="302" y="265"/>
                    <a:pt x="301" y="264"/>
                  </a:cubicBezTo>
                  <a:cubicBezTo>
                    <a:pt x="303" y="261"/>
                    <a:pt x="310" y="259"/>
                    <a:pt x="315" y="262"/>
                  </a:cubicBezTo>
                  <a:cubicBezTo>
                    <a:pt x="313" y="264"/>
                    <a:pt x="312" y="268"/>
                    <a:pt x="310" y="270"/>
                  </a:cubicBezTo>
                  <a:cubicBezTo>
                    <a:pt x="310" y="273"/>
                    <a:pt x="312" y="273"/>
                    <a:pt x="311" y="275"/>
                  </a:cubicBezTo>
                  <a:cubicBezTo>
                    <a:pt x="309" y="275"/>
                    <a:pt x="308" y="278"/>
                    <a:pt x="307" y="280"/>
                  </a:cubicBezTo>
                  <a:cubicBezTo>
                    <a:pt x="307" y="280"/>
                    <a:pt x="307" y="281"/>
                    <a:pt x="307" y="281"/>
                  </a:cubicBezTo>
                  <a:cubicBezTo>
                    <a:pt x="306" y="283"/>
                    <a:pt x="311" y="280"/>
                    <a:pt x="309" y="284"/>
                  </a:cubicBezTo>
                  <a:cubicBezTo>
                    <a:pt x="312" y="284"/>
                    <a:pt x="312" y="282"/>
                    <a:pt x="315" y="283"/>
                  </a:cubicBezTo>
                  <a:cubicBezTo>
                    <a:pt x="315" y="285"/>
                    <a:pt x="317" y="284"/>
                    <a:pt x="317" y="285"/>
                  </a:cubicBezTo>
                  <a:cubicBezTo>
                    <a:pt x="322" y="283"/>
                    <a:pt x="323" y="287"/>
                    <a:pt x="328" y="286"/>
                  </a:cubicBezTo>
                  <a:cubicBezTo>
                    <a:pt x="326" y="289"/>
                    <a:pt x="330" y="292"/>
                    <a:pt x="327" y="293"/>
                  </a:cubicBezTo>
                  <a:cubicBezTo>
                    <a:pt x="328" y="295"/>
                    <a:pt x="327" y="301"/>
                    <a:pt x="327" y="304"/>
                  </a:cubicBezTo>
                  <a:cubicBezTo>
                    <a:pt x="327" y="305"/>
                    <a:pt x="328" y="306"/>
                    <a:pt x="330" y="306"/>
                  </a:cubicBezTo>
                  <a:cubicBezTo>
                    <a:pt x="330" y="308"/>
                    <a:pt x="332" y="307"/>
                    <a:pt x="332" y="308"/>
                  </a:cubicBezTo>
                  <a:cubicBezTo>
                    <a:pt x="332" y="310"/>
                    <a:pt x="335" y="309"/>
                    <a:pt x="335" y="310"/>
                  </a:cubicBezTo>
                  <a:cubicBezTo>
                    <a:pt x="338" y="308"/>
                    <a:pt x="344" y="311"/>
                    <a:pt x="347" y="309"/>
                  </a:cubicBezTo>
                  <a:cubicBezTo>
                    <a:pt x="347" y="311"/>
                    <a:pt x="347" y="311"/>
                    <a:pt x="347" y="311"/>
                  </a:cubicBezTo>
                  <a:cubicBezTo>
                    <a:pt x="348" y="311"/>
                    <a:pt x="352" y="309"/>
                    <a:pt x="351" y="312"/>
                  </a:cubicBezTo>
                  <a:cubicBezTo>
                    <a:pt x="352" y="312"/>
                    <a:pt x="353" y="311"/>
                    <a:pt x="354" y="311"/>
                  </a:cubicBezTo>
                  <a:cubicBezTo>
                    <a:pt x="355" y="311"/>
                    <a:pt x="356" y="310"/>
                    <a:pt x="356" y="309"/>
                  </a:cubicBezTo>
                  <a:cubicBezTo>
                    <a:pt x="357" y="309"/>
                    <a:pt x="357" y="309"/>
                    <a:pt x="357" y="308"/>
                  </a:cubicBezTo>
                  <a:cubicBezTo>
                    <a:pt x="357" y="307"/>
                    <a:pt x="359" y="309"/>
                    <a:pt x="359" y="307"/>
                  </a:cubicBezTo>
                  <a:cubicBezTo>
                    <a:pt x="359" y="307"/>
                    <a:pt x="359" y="306"/>
                    <a:pt x="359" y="306"/>
                  </a:cubicBezTo>
                  <a:cubicBezTo>
                    <a:pt x="360" y="305"/>
                    <a:pt x="360" y="306"/>
                    <a:pt x="360" y="306"/>
                  </a:cubicBezTo>
                  <a:cubicBezTo>
                    <a:pt x="361" y="306"/>
                    <a:pt x="361" y="305"/>
                    <a:pt x="362" y="305"/>
                  </a:cubicBezTo>
                  <a:cubicBezTo>
                    <a:pt x="363" y="304"/>
                    <a:pt x="364" y="303"/>
                    <a:pt x="366" y="302"/>
                  </a:cubicBezTo>
                  <a:cubicBezTo>
                    <a:pt x="366" y="301"/>
                    <a:pt x="367" y="301"/>
                    <a:pt x="367" y="300"/>
                  </a:cubicBezTo>
                  <a:cubicBezTo>
                    <a:pt x="368" y="301"/>
                    <a:pt x="377" y="302"/>
                    <a:pt x="372" y="303"/>
                  </a:cubicBezTo>
                  <a:cubicBezTo>
                    <a:pt x="373" y="304"/>
                    <a:pt x="375" y="303"/>
                    <a:pt x="376" y="304"/>
                  </a:cubicBezTo>
                  <a:cubicBezTo>
                    <a:pt x="377" y="304"/>
                    <a:pt x="377" y="302"/>
                    <a:pt x="377" y="302"/>
                  </a:cubicBezTo>
                  <a:cubicBezTo>
                    <a:pt x="385" y="302"/>
                    <a:pt x="385" y="302"/>
                    <a:pt x="385" y="302"/>
                  </a:cubicBezTo>
                  <a:cubicBezTo>
                    <a:pt x="383" y="305"/>
                    <a:pt x="389" y="304"/>
                    <a:pt x="391" y="305"/>
                  </a:cubicBezTo>
                  <a:cubicBezTo>
                    <a:pt x="392" y="305"/>
                    <a:pt x="391" y="305"/>
                    <a:pt x="392" y="306"/>
                  </a:cubicBezTo>
                  <a:cubicBezTo>
                    <a:pt x="393" y="306"/>
                    <a:pt x="393" y="306"/>
                    <a:pt x="394" y="306"/>
                  </a:cubicBezTo>
                  <a:cubicBezTo>
                    <a:pt x="396" y="307"/>
                    <a:pt x="397" y="306"/>
                    <a:pt x="398" y="306"/>
                  </a:cubicBezTo>
                  <a:cubicBezTo>
                    <a:pt x="403" y="305"/>
                    <a:pt x="408" y="306"/>
                    <a:pt x="412" y="306"/>
                  </a:cubicBezTo>
                  <a:cubicBezTo>
                    <a:pt x="412" y="308"/>
                    <a:pt x="413" y="310"/>
                    <a:pt x="413" y="308"/>
                  </a:cubicBezTo>
                  <a:cubicBezTo>
                    <a:pt x="414" y="309"/>
                    <a:pt x="414" y="309"/>
                    <a:pt x="413" y="309"/>
                  </a:cubicBezTo>
                  <a:cubicBezTo>
                    <a:pt x="413" y="312"/>
                    <a:pt x="416" y="310"/>
                    <a:pt x="417" y="311"/>
                  </a:cubicBezTo>
                  <a:cubicBezTo>
                    <a:pt x="417" y="311"/>
                    <a:pt x="417" y="313"/>
                    <a:pt x="417" y="313"/>
                  </a:cubicBezTo>
                  <a:cubicBezTo>
                    <a:pt x="418" y="314"/>
                    <a:pt x="420" y="313"/>
                    <a:pt x="421" y="313"/>
                  </a:cubicBezTo>
                  <a:cubicBezTo>
                    <a:pt x="420" y="315"/>
                    <a:pt x="422" y="316"/>
                    <a:pt x="423" y="317"/>
                  </a:cubicBezTo>
                  <a:cubicBezTo>
                    <a:pt x="424" y="318"/>
                    <a:pt x="426" y="319"/>
                    <a:pt x="427" y="322"/>
                  </a:cubicBezTo>
                  <a:cubicBezTo>
                    <a:pt x="433" y="321"/>
                    <a:pt x="435" y="325"/>
                    <a:pt x="440" y="323"/>
                  </a:cubicBezTo>
                  <a:cubicBezTo>
                    <a:pt x="439" y="327"/>
                    <a:pt x="445" y="322"/>
                    <a:pt x="444" y="327"/>
                  </a:cubicBezTo>
                  <a:cubicBezTo>
                    <a:pt x="447" y="325"/>
                    <a:pt x="447" y="329"/>
                    <a:pt x="450" y="329"/>
                  </a:cubicBezTo>
                  <a:cubicBezTo>
                    <a:pt x="451" y="329"/>
                    <a:pt x="451" y="332"/>
                    <a:pt x="453" y="331"/>
                  </a:cubicBezTo>
                  <a:cubicBezTo>
                    <a:pt x="450" y="334"/>
                    <a:pt x="454" y="333"/>
                    <a:pt x="453" y="336"/>
                  </a:cubicBezTo>
                  <a:cubicBezTo>
                    <a:pt x="453" y="338"/>
                    <a:pt x="455" y="337"/>
                    <a:pt x="456" y="338"/>
                  </a:cubicBezTo>
                  <a:cubicBezTo>
                    <a:pt x="457" y="338"/>
                    <a:pt x="456" y="341"/>
                    <a:pt x="458" y="340"/>
                  </a:cubicBezTo>
                  <a:cubicBezTo>
                    <a:pt x="455" y="343"/>
                    <a:pt x="463" y="345"/>
                    <a:pt x="460" y="348"/>
                  </a:cubicBezTo>
                  <a:cubicBezTo>
                    <a:pt x="462" y="347"/>
                    <a:pt x="463" y="348"/>
                    <a:pt x="463" y="349"/>
                  </a:cubicBezTo>
                  <a:cubicBezTo>
                    <a:pt x="468" y="348"/>
                    <a:pt x="474" y="350"/>
                    <a:pt x="476" y="354"/>
                  </a:cubicBezTo>
                  <a:cubicBezTo>
                    <a:pt x="481" y="354"/>
                    <a:pt x="484" y="356"/>
                    <a:pt x="489" y="355"/>
                  </a:cubicBezTo>
                  <a:cubicBezTo>
                    <a:pt x="489" y="356"/>
                    <a:pt x="487" y="356"/>
                    <a:pt x="487" y="356"/>
                  </a:cubicBezTo>
                  <a:cubicBezTo>
                    <a:pt x="488" y="358"/>
                    <a:pt x="494" y="357"/>
                    <a:pt x="497" y="357"/>
                  </a:cubicBezTo>
                  <a:cubicBezTo>
                    <a:pt x="497" y="358"/>
                    <a:pt x="499" y="358"/>
                    <a:pt x="499" y="358"/>
                  </a:cubicBezTo>
                  <a:cubicBezTo>
                    <a:pt x="499" y="360"/>
                    <a:pt x="501" y="359"/>
                    <a:pt x="502" y="360"/>
                  </a:cubicBezTo>
                  <a:cubicBezTo>
                    <a:pt x="502" y="360"/>
                    <a:pt x="502" y="362"/>
                    <a:pt x="502" y="362"/>
                  </a:cubicBezTo>
                  <a:cubicBezTo>
                    <a:pt x="502" y="362"/>
                    <a:pt x="504" y="362"/>
                    <a:pt x="504" y="362"/>
                  </a:cubicBezTo>
                  <a:cubicBezTo>
                    <a:pt x="505" y="362"/>
                    <a:pt x="504" y="364"/>
                    <a:pt x="506" y="364"/>
                  </a:cubicBezTo>
                  <a:cubicBezTo>
                    <a:pt x="506" y="393"/>
                    <a:pt x="506" y="393"/>
                    <a:pt x="506" y="393"/>
                  </a:cubicBezTo>
                  <a:cubicBezTo>
                    <a:pt x="502" y="392"/>
                    <a:pt x="506" y="399"/>
                    <a:pt x="502" y="397"/>
                  </a:cubicBezTo>
                  <a:cubicBezTo>
                    <a:pt x="502" y="400"/>
                    <a:pt x="501" y="404"/>
                    <a:pt x="501" y="407"/>
                  </a:cubicBezTo>
                  <a:cubicBezTo>
                    <a:pt x="501" y="408"/>
                    <a:pt x="503" y="412"/>
                    <a:pt x="502" y="416"/>
                  </a:cubicBezTo>
                  <a:cubicBezTo>
                    <a:pt x="502" y="416"/>
                    <a:pt x="501" y="417"/>
                    <a:pt x="501" y="417"/>
                  </a:cubicBezTo>
                  <a:cubicBezTo>
                    <a:pt x="501" y="418"/>
                    <a:pt x="501" y="419"/>
                    <a:pt x="501" y="419"/>
                  </a:cubicBezTo>
                  <a:cubicBezTo>
                    <a:pt x="501" y="420"/>
                    <a:pt x="498" y="420"/>
                    <a:pt x="499" y="424"/>
                  </a:cubicBezTo>
                  <a:cubicBezTo>
                    <a:pt x="497" y="424"/>
                    <a:pt x="496" y="426"/>
                    <a:pt x="495" y="427"/>
                  </a:cubicBezTo>
                  <a:cubicBezTo>
                    <a:pt x="494" y="427"/>
                    <a:pt x="495" y="429"/>
                    <a:pt x="495" y="430"/>
                  </a:cubicBezTo>
                  <a:cubicBezTo>
                    <a:pt x="494" y="430"/>
                    <a:pt x="493" y="429"/>
                    <a:pt x="493" y="430"/>
                  </a:cubicBezTo>
                  <a:cubicBezTo>
                    <a:pt x="492" y="430"/>
                    <a:pt x="493" y="431"/>
                    <a:pt x="493" y="432"/>
                  </a:cubicBezTo>
                  <a:cubicBezTo>
                    <a:pt x="492" y="432"/>
                    <a:pt x="489" y="432"/>
                    <a:pt x="489" y="433"/>
                  </a:cubicBezTo>
                  <a:cubicBezTo>
                    <a:pt x="489" y="435"/>
                    <a:pt x="487" y="434"/>
                    <a:pt x="485" y="435"/>
                  </a:cubicBezTo>
                  <a:cubicBezTo>
                    <a:pt x="484" y="436"/>
                    <a:pt x="483" y="437"/>
                    <a:pt x="483" y="437"/>
                  </a:cubicBezTo>
                  <a:cubicBezTo>
                    <a:pt x="483" y="437"/>
                    <a:pt x="482" y="436"/>
                    <a:pt x="481" y="436"/>
                  </a:cubicBezTo>
                  <a:cubicBezTo>
                    <a:pt x="481" y="436"/>
                    <a:pt x="481" y="437"/>
                    <a:pt x="480" y="437"/>
                  </a:cubicBezTo>
                  <a:cubicBezTo>
                    <a:pt x="479" y="437"/>
                    <a:pt x="478" y="438"/>
                    <a:pt x="478" y="439"/>
                  </a:cubicBezTo>
                  <a:cubicBezTo>
                    <a:pt x="475" y="437"/>
                    <a:pt x="472" y="442"/>
                    <a:pt x="471" y="443"/>
                  </a:cubicBezTo>
                  <a:cubicBezTo>
                    <a:pt x="470" y="443"/>
                    <a:pt x="469" y="443"/>
                    <a:pt x="469" y="443"/>
                  </a:cubicBezTo>
                  <a:cubicBezTo>
                    <a:pt x="468" y="443"/>
                    <a:pt x="467" y="444"/>
                    <a:pt x="467" y="445"/>
                  </a:cubicBezTo>
                  <a:cubicBezTo>
                    <a:pt x="466" y="445"/>
                    <a:pt x="465" y="446"/>
                    <a:pt x="465" y="447"/>
                  </a:cubicBezTo>
                  <a:cubicBezTo>
                    <a:pt x="465" y="447"/>
                    <a:pt x="467" y="449"/>
                    <a:pt x="464" y="449"/>
                  </a:cubicBezTo>
                  <a:cubicBezTo>
                    <a:pt x="465" y="453"/>
                    <a:pt x="462" y="455"/>
                    <a:pt x="463" y="459"/>
                  </a:cubicBezTo>
                  <a:cubicBezTo>
                    <a:pt x="460" y="458"/>
                    <a:pt x="462" y="461"/>
                    <a:pt x="461" y="462"/>
                  </a:cubicBezTo>
                  <a:cubicBezTo>
                    <a:pt x="461" y="462"/>
                    <a:pt x="459" y="462"/>
                    <a:pt x="459" y="462"/>
                  </a:cubicBezTo>
                  <a:cubicBezTo>
                    <a:pt x="459" y="463"/>
                    <a:pt x="461" y="464"/>
                    <a:pt x="459" y="464"/>
                  </a:cubicBezTo>
                  <a:cubicBezTo>
                    <a:pt x="458" y="464"/>
                    <a:pt x="458" y="468"/>
                    <a:pt x="455" y="468"/>
                  </a:cubicBezTo>
                  <a:cubicBezTo>
                    <a:pt x="455" y="468"/>
                    <a:pt x="454" y="469"/>
                    <a:pt x="453" y="470"/>
                  </a:cubicBezTo>
                  <a:cubicBezTo>
                    <a:pt x="452" y="471"/>
                    <a:pt x="451" y="474"/>
                    <a:pt x="449" y="475"/>
                  </a:cubicBezTo>
                  <a:cubicBezTo>
                    <a:pt x="449" y="479"/>
                    <a:pt x="449" y="479"/>
                    <a:pt x="449" y="479"/>
                  </a:cubicBezTo>
                  <a:cubicBezTo>
                    <a:pt x="447" y="480"/>
                    <a:pt x="446" y="481"/>
                    <a:pt x="446" y="483"/>
                  </a:cubicBezTo>
                  <a:cubicBezTo>
                    <a:pt x="441" y="483"/>
                    <a:pt x="441" y="483"/>
                    <a:pt x="441" y="483"/>
                  </a:cubicBezTo>
                  <a:cubicBezTo>
                    <a:pt x="441" y="484"/>
                    <a:pt x="442" y="484"/>
                    <a:pt x="443" y="484"/>
                  </a:cubicBezTo>
                  <a:cubicBezTo>
                    <a:pt x="443" y="485"/>
                    <a:pt x="441" y="485"/>
                    <a:pt x="440" y="485"/>
                  </a:cubicBezTo>
                  <a:cubicBezTo>
                    <a:pt x="439" y="486"/>
                    <a:pt x="438" y="487"/>
                    <a:pt x="438" y="489"/>
                  </a:cubicBezTo>
                  <a:cubicBezTo>
                    <a:pt x="437" y="488"/>
                    <a:pt x="436" y="488"/>
                    <a:pt x="436" y="490"/>
                  </a:cubicBezTo>
                  <a:cubicBezTo>
                    <a:pt x="435" y="490"/>
                    <a:pt x="436" y="489"/>
                    <a:pt x="435" y="488"/>
                  </a:cubicBezTo>
                  <a:cubicBezTo>
                    <a:pt x="434" y="488"/>
                    <a:pt x="433" y="488"/>
                    <a:pt x="432" y="487"/>
                  </a:cubicBezTo>
                  <a:cubicBezTo>
                    <a:pt x="432" y="487"/>
                    <a:pt x="432" y="489"/>
                    <a:pt x="430" y="489"/>
                  </a:cubicBezTo>
                  <a:cubicBezTo>
                    <a:pt x="429" y="491"/>
                    <a:pt x="431" y="492"/>
                    <a:pt x="432" y="494"/>
                  </a:cubicBezTo>
                  <a:cubicBezTo>
                    <a:pt x="432" y="496"/>
                    <a:pt x="428" y="498"/>
                    <a:pt x="431" y="499"/>
                  </a:cubicBezTo>
                  <a:cubicBezTo>
                    <a:pt x="430" y="501"/>
                    <a:pt x="426" y="499"/>
                    <a:pt x="425" y="501"/>
                  </a:cubicBezTo>
                  <a:cubicBezTo>
                    <a:pt x="424" y="501"/>
                    <a:pt x="424" y="503"/>
                    <a:pt x="424" y="503"/>
                  </a:cubicBezTo>
                  <a:cubicBezTo>
                    <a:pt x="423" y="504"/>
                    <a:pt x="419" y="503"/>
                    <a:pt x="420" y="506"/>
                  </a:cubicBezTo>
                  <a:cubicBezTo>
                    <a:pt x="418" y="504"/>
                    <a:pt x="411" y="504"/>
                    <a:pt x="411" y="507"/>
                  </a:cubicBezTo>
                  <a:cubicBezTo>
                    <a:pt x="411" y="508"/>
                    <a:pt x="411" y="507"/>
                    <a:pt x="411" y="507"/>
                  </a:cubicBezTo>
                  <a:cubicBezTo>
                    <a:pt x="414" y="507"/>
                    <a:pt x="411" y="510"/>
                    <a:pt x="410" y="509"/>
                  </a:cubicBezTo>
                  <a:cubicBezTo>
                    <a:pt x="410" y="511"/>
                    <a:pt x="407" y="514"/>
                    <a:pt x="409" y="515"/>
                  </a:cubicBezTo>
                  <a:cubicBezTo>
                    <a:pt x="409" y="515"/>
                    <a:pt x="407" y="516"/>
                    <a:pt x="407" y="516"/>
                  </a:cubicBezTo>
                  <a:cubicBezTo>
                    <a:pt x="406" y="515"/>
                    <a:pt x="405" y="515"/>
                    <a:pt x="406" y="515"/>
                  </a:cubicBezTo>
                  <a:cubicBezTo>
                    <a:pt x="405" y="515"/>
                    <a:pt x="402" y="517"/>
                    <a:pt x="403" y="514"/>
                  </a:cubicBezTo>
                  <a:cubicBezTo>
                    <a:pt x="402" y="514"/>
                    <a:pt x="401" y="516"/>
                    <a:pt x="401" y="515"/>
                  </a:cubicBezTo>
                  <a:cubicBezTo>
                    <a:pt x="400" y="515"/>
                    <a:pt x="402" y="520"/>
                    <a:pt x="402" y="522"/>
                  </a:cubicBezTo>
                  <a:cubicBezTo>
                    <a:pt x="402" y="525"/>
                    <a:pt x="401" y="524"/>
                    <a:pt x="400" y="526"/>
                  </a:cubicBezTo>
                  <a:cubicBezTo>
                    <a:pt x="400" y="527"/>
                    <a:pt x="400" y="529"/>
                    <a:pt x="397" y="529"/>
                  </a:cubicBezTo>
                  <a:cubicBezTo>
                    <a:pt x="397" y="530"/>
                    <a:pt x="399" y="530"/>
                    <a:pt x="399" y="531"/>
                  </a:cubicBezTo>
                  <a:cubicBezTo>
                    <a:pt x="399" y="532"/>
                    <a:pt x="398" y="530"/>
                    <a:pt x="397" y="531"/>
                  </a:cubicBezTo>
                  <a:cubicBezTo>
                    <a:pt x="397" y="531"/>
                    <a:pt x="396" y="534"/>
                    <a:pt x="397" y="534"/>
                  </a:cubicBezTo>
                  <a:cubicBezTo>
                    <a:pt x="397" y="535"/>
                    <a:pt x="396" y="534"/>
                    <a:pt x="395" y="534"/>
                  </a:cubicBezTo>
                  <a:cubicBezTo>
                    <a:pt x="396" y="534"/>
                    <a:pt x="395" y="535"/>
                    <a:pt x="394" y="535"/>
                  </a:cubicBezTo>
                  <a:cubicBezTo>
                    <a:pt x="393" y="533"/>
                    <a:pt x="395" y="535"/>
                    <a:pt x="393" y="536"/>
                  </a:cubicBezTo>
                  <a:cubicBezTo>
                    <a:pt x="392" y="538"/>
                    <a:pt x="391" y="536"/>
                    <a:pt x="390" y="537"/>
                  </a:cubicBezTo>
                  <a:cubicBezTo>
                    <a:pt x="388" y="540"/>
                    <a:pt x="394" y="540"/>
                    <a:pt x="390" y="541"/>
                  </a:cubicBezTo>
                  <a:cubicBezTo>
                    <a:pt x="391" y="542"/>
                    <a:pt x="392" y="542"/>
                    <a:pt x="393" y="542"/>
                  </a:cubicBezTo>
                  <a:cubicBezTo>
                    <a:pt x="393" y="544"/>
                    <a:pt x="394" y="545"/>
                    <a:pt x="395" y="545"/>
                  </a:cubicBezTo>
                  <a:cubicBezTo>
                    <a:pt x="397" y="547"/>
                    <a:pt x="394" y="548"/>
                    <a:pt x="393" y="549"/>
                  </a:cubicBezTo>
                  <a:cubicBezTo>
                    <a:pt x="393" y="549"/>
                    <a:pt x="394" y="550"/>
                    <a:pt x="394" y="550"/>
                  </a:cubicBezTo>
                  <a:cubicBezTo>
                    <a:pt x="393" y="551"/>
                    <a:pt x="394" y="550"/>
                    <a:pt x="393" y="550"/>
                  </a:cubicBezTo>
                  <a:cubicBezTo>
                    <a:pt x="392" y="550"/>
                    <a:pt x="392" y="552"/>
                    <a:pt x="390" y="552"/>
                  </a:cubicBezTo>
                  <a:cubicBezTo>
                    <a:pt x="391" y="553"/>
                    <a:pt x="390" y="554"/>
                    <a:pt x="388" y="554"/>
                  </a:cubicBezTo>
                  <a:cubicBezTo>
                    <a:pt x="388" y="556"/>
                    <a:pt x="386" y="556"/>
                    <a:pt x="387" y="558"/>
                  </a:cubicBezTo>
                  <a:cubicBezTo>
                    <a:pt x="383" y="559"/>
                    <a:pt x="387" y="563"/>
                    <a:pt x="384" y="560"/>
                  </a:cubicBezTo>
                  <a:cubicBezTo>
                    <a:pt x="384" y="562"/>
                    <a:pt x="383" y="564"/>
                    <a:pt x="384" y="567"/>
                  </a:cubicBezTo>
                  <a:cubicBezTo>
                    <a:pt x="384" y="567"/>
                    <a:pt x="385" y="568"/>
                    <a:pt x="385" y="568"/>
                  </a:cubicBezTo>
                  <a:cubicBezTo>
                    <a:pt x="385" y="569"/>
                    <a:pt x="383" y="570"/>
                    <a:pt x="385" y="572"/>
                  </a:cubicBezTo>
                  <a:cubicBezTo>
                    <a:pt x="386" y="573"/>
                    <a:pt x="384" y="574"/>
                    <a:pt x="386" y="577"/>
                  </a:cubicBezTo>
                  <a:cubicBezTo>
                    <a:pt x="387" y="579"/>
                    <a:pt x="389" y="579"/>
                    <a:pt x="390" y="581"/>
                  </a:cubicBezTo>
                  <a:cubicBezTo>
                    <a:pt x="392" y="583"/>
                    <a:pt x="393" y="580"/>
                    <a:pt x="395" y="582"/>
                  </a:cubicBezTo>
                  <a:cubicBezTo>
                    <a:pt x="396" y="586"/>
                    <a:pt x="392" y="584"/>
                    <a:pt x="390" y="584"/>
                  </a:cubicBezTo>
                  <a:cubicBezTo>
                    <a:pt x="387" y="585"/>
                    <a:pt x="382" y="587"/>
                    <a:pt x="379" y="586"/>
                  </a:cubicBezTo>
                  <a:cubicBezTo>
                    <a:pt x="379" y="586"/>
                    <a:pt x="379" y="584"/>
                    <a:pt x="379" y="584"/>
                  </a:cubicBezTo>
                  <a:cubicBezTo>
                    <a:pt x="375" y="585"/>
                    <a:pt x="374" y="583"/>
                    <a:pt x="370" y="582"/>
                  </a:cubicBezTo>
                  <a:cubicBezTo>
                    <a:pt x="370" y="579"/>
                    <a:pt x="370" y="579"/>
                    <a:pt x="370" y="579"/>
                  </a:cubicBezTo>
                  <a:cubicBezTo>
                    <a:pt x="370" y="577"/>
                    <a:pt x="367" y="579"/>
                    <a:pt x="367" y="577"/>
                  </a:cubicBezTo>
                  <a:cubicBezTo>
                    <a:pt x="367" y="576"/>
                    <a:pt x="366" y="576"/>
                    <a:pt x="366" y="575"/>
                  </a:cubicBezTo>
                  <a:cubicBezTo>
                    <a:pt x="366" y="574"/>
                    <a:pt x="365" y="574"/>
                    <a:pt x="365" y="574"/>
                  </a:cubicBezTo>
                  <a:cubicBezTo>
                    <a:pt x="365" y="573"/>
                    <a:pt x="367" y="571"/>
                    <a:pt x="365" y="571"/>
                  </a:cubicBezTo>
                  <a:cubicBezTo>
                    <a:pt x="363" y="571"/>
                    <a:pt x="365" y="570"/>
                    <a:pt x="365" y="569"/>
                  </a:cubicBezTo>
                  <a:cubicBezTo>
                    <a:pt x="365" y="568"/>
                    <a:pt x="363" y="568"/>
                    <a:pt x="363" y="567"/>
                  </a:cubicBezTo>
                  <a:cubicBezTo>
                    <a:pt x="363" y="566"/>
                    <a:pt x="364" y="566"/>
                    <a:pt x="364" y="565"/>
                  </a:cubicBezTo>
                  <a:cubicBezTo>
                    <a:pt x="364" y="565"/>
                    <a:pt x="363" y="565"/>
                    <a:pt x="363" y="564"/>
                  </a:cubicBezTo>
                  <a:cubicBezTo>
                    <a:pt x="362" y="563"/>
                    <a:pt x="362" y="562"/>
                    <a:pt x="361" y="561"/>
                  </a:cubicBezTo>
                  <a:cubicBezTo>
                    <a:pt x="360" y="560"/>
                    <a:pt x="362" y="560"/>
                    <a:pt x="362" y="558"/>
                  </a:cubicBezTo>
                  <a:cubicBezTo>
                    <a:pt x="362" y="558"/>
                    <a:pt x="360" y="557"/>
                    <a:pt x="360" y="557"/>
                  </a:cubicBezTo>
                  <a:cubicBezTo>
                    <a:pt x="360" y="557"/>
                    <a:pt x="364" y="556"/>
                    <a:pt x="361" y="555"/>
                  </a:cubicBezTo>
                  <a:cubicBezTo>
                    <a:pt x="361" y="554"/>
                    <a:pt x="362" y="554"/>
                    <a:pt x="363" y="554"/>
                  </a:cubicBezTo>
                  <a:cubicBezTo>
                    <a:pt x="363" y="547"/>
                    <a:pt x="363" y="547"/>
                    <a:pt x="363" y="547"/>
                  </a:cubicBezTo>
                  <a:cubicBezTo>
                    <a:pt x="362" y="546"/>
                    <a:pt x="361" y="546"/>
                    <a:pt x="360" y="545"/>
                  </a:cubicBezTo>
                  <a:cubicBezTo>
                    <a:pt x="361" y="542"/>
                    <a:pt x="363" y="540"/>
                    <a:pt x="362" y="536"/>
                  </a:cubicBezTo>
                  <a:cubicBezTo>
                    <a:pt x="365" y="537"/>
                    <a:pt x="364" y="535"/>
                    <a:pt x="367" y="536"/>
                  </a:cubicBezTo>
                  <a:cubicBezTo>
                    <a:pt x="367" y="527"/>
                    <a:pt x="367" y="527"/>
                    <a:pt x="367" y="527"/>
                  </a:cubicBezTo>
                  <a:cubicBezTo>
                    <a:pt x="371" y="527"/>
                    <a:pt x="369" y="521"/>
                    <a:pt x="371" y="518"/>
                  </a:cubicBezTo>
                  <a:cubicBezTo>
                    <a:pt x="371" y="519"/>
                    <a:pt x="370" y="519"/>
                    <a:pt x="369" y="518"/>
                  </a:cubicBezTo>
                  <a:cubicBezTo>
                    <a:pt x="367" y="519"/>
                    <a:pt x="367" y="521"/>
                    <a:pt x="367" y="524"/>
                  </a:cubicBezTo>
                  <a:cubicBezTo>
                    <a:pt x="365" y="523"/>
                    <a:pt x="364" y="523"/>
                    <a:pt x="364" y="520"/>
                  </a:cubicBezTo>
                  <a:cubicBezTo>
                    <a:pt x="362" y="519"/>
                    <a:pt x="367" y="517"/>
                    <a:pt x="366" y="516"/>
                  </a:cubicBezTo>
                  <a:cubicBezTo>
                    <a:pt x="364" y="515"/>
                    <a:pt x="366" y="517"/>
                    <a:pt x="368" y="516"/>
                  </a:cubicBezTo>
                  <a:cubicBezTo>
                    <a:pt x="368" y="511"/>
                    <a:pt x="366" y="506"/>
                    <a:pt x="367" y="502"/>
                  </a:cubicBezTo>
                  <a:cubicBezTo>
                    <a:pt x="367" y="502"/>
                    <a:pt x="368" y="502"/>
                    <a:pt x="369" y="502"/>
                  </a:cubicBezTo>
                  <a:cubicBezTo>
                    <a:pt x="368" y="497"/>
                    <a:pt x="369" y="497"/>
                    <a:pt x="369" y="492"/>
                  </a:cubicBezTo>
                  <a:cubicBezTo>
                    <a:pt x="371" y="489"/>
                    <a:pt x="374" y="486"/>
                    <a:pt x="372" y="482"/>
                  </a:cubicBezTo>
                  <a:cubicBezTo>
                    <a:pt x="376" y="486"/>
                    <a:pt x="373" y="475"/>
                    <a:pt x="376" y="479"/>
                  </a:cubicBezTo>
                  <a:cubicBezTo>
                    <a:pt x="376" y="477"/>
                    <a:pt x="376" y="475"/>
                    <a:pt x="375" y="473"/>
                  </a:cubicBezTo>
                  <a:cubicBezTo>
                    <a:pt x="375" y="471"/>
                    <a:pt x="373" y="470"/>
                    <a:pt x="373" y="469"/>
                  </a:cubicBezTo>
                  <a:cubicBezTo>
                    <a:pt x="373" y="467"/>
                    <a:pt x="374" y="467"/>
                    <a:pt x="374" y="466"/>
                  </a:cubicBezTo>
                  <a:cubicBezTo>
                    <a:pt x="375" y="464"/>
                    <a:pt x="374" y="461"/>
                    <a:pt x="376" y="463"/>
                  </a:cubicBezTo>
                  <a:cubicBezTo>
                    <a:pt x="376" y="460"/>
                    <a:pt x="376" y="458"/>
                    <a:pt x="377" y="455"/>
                  </a:cubicBezTo>
                  <a:cubicBezTo>
                    <a:pt x="378" y="454"/>
                    <a:pt x="377" y="454"/>
                    <a:pt x="377" y="453"/>
                  </a:cubicBezTo>
                  <a:cubicBezTo>
                    <a:pt x="377" y="452"/>
                    <a:pt x="379" y="449"/>
                    <a:pt x="378" y="448"/>
                  </a:cubicBezTo>
                  <a:cubicBezTo>
                    <a:pt x="377" y="447"/>
                    <a:pt x="378" y="447"/>
                    <a:pt x="378" y="445"/>
                  </a:cubicBezTo>
                  <a:cubicBezTo>
                    <a:pt x="378" y="444"/>
                    <a:pt x="378" y="442"/>
                    <a:pt x="378" y="441"/>
                  </a:cubicBezTo>
                  <a:cubicBezTo>
                    <a:pt x="378" y="440"/>
                    <a:pt x="379" y="439"/>
                    <a:pt x="379" y="438"/>
                  </a:cubicBezTo>
                  <a:cubicBezTo>
                    <a:pt x="379" y="435"/>
                    <a:pt x="379" y="431"/>
                    <a:pt x="379" y="428"/>
                  </a:cubicBezTo>
                  <a:cubicBezTo>
                    <a:pt x="379" y="426"/>
                    <a:pt x="380" y="426"/>
                    <a:pt x="380" y="425"/>
                  </a:cubicBezTo>
                  <a:cubicBezTo>
                    <a:pt x="380" y="422"/>
                    <a:pt x="377" y="419"/>
                    <a:pt x="377" y="416"/>
                  </a:cubicBezTo>
                  <a:cubicBezTo>
                    <a:pt x="377" y="415"/>
                    <a:pt x="376" y="417"/>
                    <a:pt x="374" y="416"/>
                  </a:cubicBezTo>
                  <a:cubicBezTo>
                    <a:pt x="373" y="414"/>
                    <a:pt x="370" y="412"/>
                    <a:pt x="368" y="411"/>
                  </a:cubicBezTo>
                  <a:cubicBezTo>
                    <a:pt x="367" y="411"/>
                    <a:pt x="366" y="409"/>
                    <a:pt x="366" y="410"/>
                  </a:cubicBezTo>
                  <a:cubicBezTo>
                    <a:pt x="364" y="411"/>
                    <a:pt x="366" y="409"/>
                    <a:pt x="365" y="409"/>
                  </a:cubicBezTo>
                  <a:cubicBezTo>
                    <a:pt x="363" y="408"/>
                    <a:pt x="361" y="409"/>
                    <a:pt x="363" y="407"/>
                  </a:cubicBezTo>
                  <a:cubicBezTo>
                    <a:pt x="363" y="405"/>
                    <a:pt x="360" y="406"/>
                    <a:pt x="359" y="406"/>
                  </a:cubicBezTo>
                  <a:cubicBezTo>
                    <a:pt x="359" y="406"/>
                    <a:pt x="359" y="404"/>
                    <a:pt x="359" y="404"/>
                  </a:cubicBezTo>
                  <a:cubicBezTo>
                    <a:pt x="359" y="403"/>
                    <a:pt x="357" y="403"/>
                    <a:pt x="357" y="403"/>
                  </a:cubicBezTo>
                  <a:cubicBezTo>
                    <a:pt x="356" y="402"/>
                    <a:pt x="355" y="399"/>
                    <a:pt x="354" y="396"/>
                  </a:cubicBezTo>
                  <a:cubicBezTo>
                    <a:pt x="354" y="395"/>
                    <a:pt x="353" y="396"/>
                    <a:pt x="352" y="395"/>
                  </a:cubicBezTo>
                  <a:cubicBezTo>
                    <a:pt x="352" y="394"/>
                    <a:pt x="352" y="391"/>
                    <a:pt x="350" y="390"/>
                  </a:cubicBezTo>
                  <a:cubicBezTo>
                    <a:pt x="349" y="390"/>
                    <a:pt x="348" y="385"/>
                    <a:pt x="347" y="383"/>
                  </a:cubicBezTo>
                  <a:cubicBezTo>
                    <a:pt x="345" y="382"/>
                    <a:pt x="344" y="379"/>
                    <a:pt x="343" y="377"/>
                  </a:cubicBezTo>
                  <a:cubicBezTo>
                    <a:pt x="342" y="376"/>
                    <a:pt x="341" y="376"/>
                    <a:pt x="341" y="375"/>
                  </a:cubicBezTo>
                  <a:cubicBezTo>
                    <a:pt x="341" y="375"/>
                    <a:pt x="341" y="374"/>
                    <a:pt x="341" y="373"/>
                  </a:cubicBezTo>
                  <a:cubicBezTo>
                    <a:pt x="340" y="372"/>
                    <a:pt x="340" y="373"/>
                    <a:pt x="339" y="372"/>
                  </a:cubicBezTo>
                  <a:cubicBezTo>
                    <a:pt x="339" y="372"/>
                    <a:pt x="338" y="365"/>
                    <a:pt x="337" y="370"/>
                  </a:cubicBezTo>
                  <a:cubicBezTo>
                    <a:pt x="335" y="369"/>
                    <a:pt x="337" y="364"/>
                    <a:pt x="336" y="362"/>
                  </a:cubicBezTo>
                  <a:cubicBezTo>
                    <a:pt x="339" y="362"/>
                    <a:pt x="338" y="359"/>
                    <a:pt x="340" y="358"/>
                  </a:cubicBezTo>
                  <a:cubicBezTo>
                    <a:pt x="341" y="355"/>
                    <a:pt x="338" y="356"/>
                    <a:pt x="337" y="355"/>
                  </a:cubicBezTo>
                  <a:cubicBezTo>
                    <a:pt x="337" y="352"/>
                    <a:pt x="339" y="351"/>
                    <a:pt x="338" y="348"/>
                  </a:cubicBezTo>
                  <a:cubicBezTo>
                    <a:pt x="339" y="347"/>
                    <a:pt x="340" y="347"/>
                    <a:pt x="341" y="347"/>
                  </a:cubicBezTo>
                  <a:cubicBezTo>
                    <a:pt x="341" y="346"/>
                    <a:pt x="340" y="344"/>
                    <a:pt x="341" y="344"/>
                  </a:cubicBezTo>
                  <a:cubicBezTo>
                    <a:pt x="341" y="343"/>
                    <a:pt x="343" y="344"/>
                    <a:pt x="343" y="344"/>
                  </a:cubicBezTo>
                  <a:cubicBezTo>
                    <a:pt x="343" y="344"/>
                    <a:pt x="343" y="343"/>
                    <a:pt x="343" y="343"/>
                  </a:cubicBezTo>
                  <a:cubicBezTo>
                    <a:pt x="343" y="343"/>
                    <a:pt x="345" y="341"/>
                    <a:pt x="345" y="341"/>
                  </a:cubicBezTo>
                  <a:cubicBezTo>
                    <a:pt x="345" y="341"/>
                    <a:pt x="344" y="341"/>
                    <a:pt x="344" y="341"/>
                  </a:cubicBezTo>
                  <a:cubicBezTo>
                    <a:pt x="344" y="341"/>
                    <a:pt x="344" y="339"/>
                    <a:pt x="345" y="340"/>
                  </a:cubicBezTo>
                  <a:cubicBezTo>
                    <a:pt x="347" y="342"/>
                    <a:pt x="345" y="338"/>
                    <a:pt x="348" y="338"/>
                  </a:cubicBezTo>
                  <a:cubicBezTo>
                    <a:pt x="349" y="338"/>
                    <a:pt x="348" y="336"/>
                    <a:pt x="349" y="334"/>
                  </a:cubicBezTo>
                  <a:cubicBezTo>
                    <a:pt x="349" y="334"/>
                    <a:pt x="354" y="331"/>
                    <a:pt x="351" y="328"/>
                  </a:cubicBezTo>
                  <a:cubicBezTo>
                    <a:pt x="350" y="327"/>
                    <a:pt x="352" y="328"/>
                    <a:pt x="351" y="327"/>
                  </a:cubicBezTo>
                  <a:cubicBezTo>
                    <a:pt x="351" y="324"/>
                    <a:pt x="349" y="317"/>
                    <a:pt x="350" y="315"/>
                  </a:cubicBezTo>
                  <a:cubicBezTo>
                    <a:pt x="346" y="316"/>
                    <a:pt x="346" y="312"/>
                    <a:pt x="341" y="313"/>
                  </a:cubicBezTo>
                  <a:cubicBezTo>
                    <a:pt x="339" y="314"/>
                    <a:pt x="341" y="315"/>
                    <a:pt x="340" y="317"/>
                  </a:cubicBezTo>
                  <a:cubicBezTo>
                    <a:pt x="335" y="317"/>
                    <a:pt x="333" y="314"/>
                    <a:pt x="328" y="314"/>
                  </a:cubicBezTo>
                  <a:cubicBezTo>
                    <a:pt x="328" y="312"/>
                    <a:pt x="326" y="313"/>
                    <a:pt x="327" y="310"/>
                  </a:cubicBezTo>
                  <a:cubicBezTo>
                    <a:pt x="325" y="310"/>
                    <a:pt x="324" y="310"/>
                    <a:pt x="323" y="309"/>
                  </a:cubicBezTo>
                  <a:cubicBezTo>
                    <a:pt x="322" y="309"/>
                    <a:pt x="323" y="308"/>
                    <a:pt x="323" y="307"/>
                  </a:cubicBezTo>
                  <a:cubicBezTo>
                    <a:pt x="322" y="307"/>
                    <a:pt x="321" y="308"/>
                    <a:pt x="321" y="307"/>
                  </a:cubicBezTo>
                  <a:cubicBezTo>
                    <a:pt x="320" y="306"/>
                    <a:pt x="321" y="304"/>
                    <a:pt x="319" y="305"/>
                  </a:cubicBezTo>
                  <a:cubicBezTo>
                    <a:pt x="319" y="302"/>
                    <a:pt x="320" y="303"/>
                    <a:pt x="319" y="301"/>
                  </a:cubicBezTo>
                  <a:cubicBezTo>
                    <a:pt x="319" y="300"/>
                    <a:pt x="318" y="300"/>
                    <a:pt x="318" y="301"/>
                  </a:cubicBezTo>
                  <a:cubicBezTo>
                    <a:pt x="316" y="300"/>
                    <a:pt x="316" y="298"/>
                    <a:pt x="313" y="298"/>
                  </a:cubicBezTo>
                  <a:cubicBezTo>
                    <a:pt x="314" y="295"/>
                    <a:pt x="310" y="297"/>
                    <a:pt x="311" y="294"/>
                  </a:cubicBezTo>
                  <a:cubicBezTo>
                    <a:pt x="310" y="294"/>
                    <a:pt x="305" y="294"/>
                    <a:pt x="307" y="294"/>
                  </a:cubicBezTo>
                  <a:cubicBezTo>
                    <a:pt x="305" y="294"/>
                    <a:pt x="306" y="293"/>
                    <a:pt x="306" y="292"/>
                  </a:cubicBezTo>
                  <a:cubicBezTo>
                    <a:pt x="305" y="292"/>
                    <a:pt x="304" y="292"/>
                    <a:pt x="304" y="292"/>
                  </a:cubicBezTo>
                  <a:cubicBezTo>
                    <a:pt x="303" y="292"/>
                    <a:pt x="301" y="291"/>
                    <a:pt x="298" y="291"/>
                  </a:cubicBezTo>
                  <a:cubicBezTo>
                    <a:pt x="299" y="288"/>
                    <a:pt x="296" y="290"/>
                    <a:pt x="294" y="288"/>
                  </a:cubicBezTo>
                  <a:cubicBezTo>
                    <a:pt x="294" y="288"/>
                    <a:pt x="294" y="287"/>
                    <a:pt x="294" y="286"/>
                  </a:cubicBezTo>
                  <a:cubicBezTo>
                    <a:pt x="294" y="286"/>
                    <a:pt x="292" y="287"/>
                    <a:pt x="292" y="286"/>
                  </a:cubicBezTo>
                  <a:cubicBezTo>
                    <a:pt x="292" y="286"/>
                    <a:pt x="293" y="285"/>
                    <a:pt x="292" y="285"/>
                  </a:cubicBezTo>
                  <a:cubicBezTo>
                    <a:pt x="292" y="284"/>
                    <a:pt x="291" y="285"/>
                    <a:pt x="290" y="285"/>
                  </a:cubicBezTo>
                  <a:cubicBezTo>
                    <a:pt x="290" y="284"/>
                    <a:pt x="291" y="283"/>
                    <a:pt x="290" y="283"/>
                  </a:cubicBezTo>
                  <a:cubicBezTo>
                    <a:pt x="289" y="282"/>
                    <a:pt x="289" y="284"/>
                    <a:pt x="289" y="284"/>
                  </a:cubicBezTo>
                  <a:cubicBezTo>
                    <a:pt x="289" y="284"/>
                    <a:pt x="287" y="282"/>
                    <a:pt x="286" y="282"/>
                  </a:cubicBezTo>
                  <a:cubicBezTo>
                    <a:pt x="285" y="283"/>
                    <a:pt x="285" y="281"/>
                    <a:pt x="284" y="282"/>
                  </a:cubicBezTo>
                  <a:cubicBezTo>
                    <a:pt x="282" y="282"/>
                    <a:pt x="280" y="283"/>
                    <a:pt x="279" y="284"/>
                  </a:cubicBezTo>
                  <a:cubicBezTo>
                    <a:pt x="277" y="284"/>
                    <a:pt x="276" y="283"/>
                    <a:pt x="275" y="283"/>
                  </a:cubicBezTo>
                  <a:cubicBezTo>
                    <a:pt x="272" y="283"/>
                    <a:pt x="273" y="284"/>
                    <a:pt x="271" y="283"/>
                  </a:cubicBezTo>
                  <a:cubicBezTo>
                    <a:pt x="270" y="282"/>
                    <a:pt x="269" y="283"/>
                    <a:pt x="266" y="282"/>
                  </a:cubicBezTo>
                  <a:cubicBezTo>
                    <a:pt x="266" y="281"/>
                    <a:pt x="266" y="280"/>
                    <a:pt x="265" y="280"/>
                  </a:cubicBezTo>
                  <a:cubicBezTo>
                    <a:pt x="265" y="279"/>
                    <a:pt x="264" y="280"/>
                    <a:pt x="264" y="280"/>
                  </a:cubicBezTo>
                  <a:cubicBezTo>
                    <a:pt x="262" y="279"/>
                    <a:pt x="258" y="279"/>
                    <a:pt x="261" y="277"/>
                  </a:cubicBezTo>
                  <a:cubicBezTo>
                    <a:pt x="258" y="277"/>
                    <a:pt x="258" y="275"/>
                    <a:pt x="255" y="275"/>
                  </a:cubicBezTo>
                  <a:cubicBezTo>
                    <a:pt x="254" y="274"/>
                    <a:pt x="254" y="273"/>
                    <a:pt x="254" y="272"/>
                  </a:cubicBezTo>
                  <a:cubicBezTo>
                    <a:pt x="250" y="272"/>
                    <a:pt x="249" y="268"/>
                    <a:pt x="244" y="268"/>
                  </a:cubicBezTo>
                  <a:cubicBezTo>
                    <a:pt x="244" y="265"/>
                    <a:pt x="242" y="263"/>
                    <a:pt x="243" y="259"/>
                  </a:cubicBezTo>
                  <a:cubicBezTo>
                    <a:pt x="242" y="255"/>
                    <a:pt x="237" y="257"/>
                    <a:pt x="240" y="253"/>
                  </a:cubicBezTo>
                  <a:cubicBezTo>
                    <a:pt x="239" y="253"/>
                    <a:pt x="238" y="253"/>
                    <a:pt x="238" y="254"/>
                  </a:cubicBezTo>
                  <a:cubicBezTo>
                    <a:pt x="237" y="254"/>
                    <a:pt x="237" y="253"/>
                    <a:pt x="237" y="252"/>
                  </a:cubicBezTo>
                  <a:cubicBezTo>
                    <a:pt x="236" y="251"/>
                    <a:pt x="234" y="251"/>
                    <a:pt x="234" y="249"/>
                  </a:cubicBezTo>
                  <a:cubicBezTo>
                    <a:pt x="234" y="248"/>
                    <a:pt x="232" y="248"/>
                    <a:pt x="231" y="248"/>
                  </a:cubicBezTo>
                  <a:cubicBezTo>
                    <a:pt x="231" y="248"/>
                    <a:pt x="232" y="247"/>
                    <a:pt x="232" y="246"/>
                  </a:cubicBezTo>
                  <a:cubicBezTo>
                    <a:pt x="232" y="246"/>
                    <a:pt x="231" y="244"/>
                    <a:pt x="231" y="244"/>
                  </a:cubicBezTo>
                  <a:cubicBezTo>
                    <a:pt x="231" y="244"/>
                    <a:pt x="229" y="245"/>
                    <a:pt x="229" y="244"/>
                  </a:cubicBezTo>
                  <a:cubicBezTo>
                    <a:pt x="229" y="244"/>
                    <a:pt x="229" y="242"/>
                    <a:pt x="228" y="242"/>
                  </a:cubicBezTo>
                  <a:cubicBezTo>
                    <a:pt x="226" y="239"/>
                    <a:pt x="223" y="239"/>
                    <a:pt x="223" y="235"/>
                  </a:cubicBezTo>
                  <a:cubicBezTo>
                    <a:pt x="221" y="233"/>
                    <a:pt x="221" y="236"/>
                    <a:pt x="219" y="234"/>
                  </a:cubicBezTo>
                  <a:cubicBezTo>
                    <a:pt x="219" y="232"/>
                    <a:pt x="217" y="232"/>
                    <a:pt x="217" y="231"/>
                  </a:cubicBezTo>
                  <a:cubicBezTo>
                    <a:pt x="216" y="230"/>
                    <a:pt x="217" y="226"/>
                    <a:pt x="214" y="226"/>
                  </a:cubicBezTo>
                  <a:cubicBezTo>
                    <a:pt x="214" y="222"/>
                    <a:pt x="212" y="220"/>
                    <a:pt x="209" y="219"/>
                  </a:cubicBezTo>
                  <a:cubicBezTo>
                    <a:pt x="208" y="219"/>
                    <a:pt x="208" y="220"/>
                    <a:pt x="207" y="222"/>
                  </a:cubicBezTo>
                  <a:cubicBezTo>
                    <a:pt x="206" y="224"/>
                    <a:pt x="209" y="224"/>
                    <a:pt x="210" y="225"/>
                  </a:cubicBezTo>
                  <a:cubicBezTo>
                    <a:pt x="210" y="226"/>
                    <a:pt x="210" y="227"/>
                    <a:pt x="210" y="227"/>
                  </a:cubicBezTo>
                  <a:cubicBezTo>
                    <a:pt x="210" y="227"/>
                    <a:pt x="211" y="227"/>
                    <a:pt x="211" y="227"/>
                  </a:cubicBezTo>
                  <a:cubicBezTo>
                    <a:pt x="212" y="229"/>
                    <a:pt x="210" y="231"/>
                    <a:pt x="212" y="231"/>
                  </a:cubicBezTo>
                  <a:cubicBezTo>
                    <a:pt x="214" y="231"/>
                    <a:pt x="213" y="234"/>
                    <a:pt x="214" y="236"/>
                  </a:cubicBezTo>
                  <a:cubicBezTo>
                    <a:pt x="214" y="236"/>
                    <a:pt x="215" y="236"/>
                    <a:pt x="215" y="237"/>
                  </a:cubicBezTo>
                  <a:cubicBezTo>
                    <a:pt x="215" y="239"/>
                    <a:pt x="218" y="238"/>
                    <a:pt x="217" y="242"/>
                  </a:cubicBezTo>
                  <a:cubicBezTo>
                    <a:pt x="217" y="243"/>
                    <a:pt x="219" y="242"/>
                    <a:pt x="220" y="243"/>
                  </a:cubicBezTo>
                  <a:cubicBezTo>
                    <a:pt x="219" y="244"/>
                    <a:pt x="221" y="244"/>
                    <a:pt x="221" y="244"/>
                  </a:cubicBezTo>
                  <a:cubicBezTo>
                    <a:pt x="221" y="245"/>
                    <a:pt x="220" y="247"/>
                    <a:pt x="220" y="246"/>
                  </a:cubicBezTo>
                  <a:cubicBezTo>
                    <a:pt x="220" y="248"/>
                    <a:pt x="223" y="247"/>
                    <a:pt x="222" y="250"/>
                  </a:cubicBezTo>
                  <a:cubicBezTo>
                    <a:pt x="220" y="249"/>
                    <a:pt x="220" y="247"/>
                    <a:pt x="217" y="248"/>
                  </a:cubicBezTo>
                  <a:cubicBezTo>
                    <a:pt x="218" y="244"/>
                    <a:pt x="215" y="245"/>
                    <a:pt x="215" y="243"/>
                  </a:cubicBezTo>
                  <a:cubicBezTo>
                    <a:pt x="215" y="241"/>
                    <a:pt x="213" y="241"/>
                    <a:pt x="212" y="240"/>
                  </a:cubicBezTo>
                  <a:cubicBezTo>
                    <a:pt x="211" y="239"/>
                    <a:pt x="211" y="238"/>
                    <a:pt x="210" y="237"/>
                  </a:cubicBezTo>
                  <a:cubicBezTo>
                    <a:pt x="208" y="237"/>
                    <a:pt x="207" y="236"/>
                    <a:pt x="206" y="235"/>
                  </a:cubicBezTo>
                  <a:cubicBezTo>
                    <a:pt x="206" y="232"/>
                    <a:pt x="207" y="234"/>
                    <a:pt x="208" y="234"/>
                  </a:cubicBezTo>
                  <a:cubicBezTo>
                    <a:pt x="209" y="230"/>
                    <a:pt x="205" y="231"/>
                    <a:pt x="205" y="227"/>
                  </a:cubicBezTo>
                  <a:cubicBezTo>
                    <a:pt x="204" y="227"/>
                    <a:pt x="203" y="225"/>
                    <a:pt x="201" y="225"/>
                  </a:cubicBezTo>
                  <a:cubicBezTo>
                    <a:pt x="201" y="223"/>
                    <a:pt x="202" y="223"/>
                    <a:pt x="201" y="221"/>
                  </a:cubicBezTo>
                  <a:cubicBezTo>
                    <a:pt x="200" y="220"/>
                    <a:pt x="200" y="220"/>
                    <a:pt x="200" y="220"/>
                  </a:cubicBezTo>
                  <a:cubicBezTo>
                    <a:pt x="199" y="217"/>
                    <a:pt x="199" y="214"/>
                    <a:pt x="195" y="215"/>
                  </a:cubicBezTo>
                  <a:cubicBezTo>
                    <a:pt x="196" y="214"/>
                    <a:pt x="196" y="213"/>
                    <a:pt x="195" y="212"/>
                  </a:cubicBezTo>
                  <a:cubicBezTo>
                    <a:pt x="195" y="212"/>
                    <a:pt x="194" y="210"/>
                    <a:pt x="194" y="210"/>
                  </a:cubicBezTo>
                  <a:cubicBezTo>
                    <a:pt x="193" y="210"/>
                    <a:pt x="191" y="210"/>
                    <a:pt x="191" y="210"/>
                  </a:cubicBezTo>
                  <a:cubicBezTo>
                    <a:pt x="190" y="209"/>
                    <a:pt x="193" y="209"/>
                    <a:pt x="193" y="209"/>
                  </a:cubicBezTo>
                  <a:cubicBezTo>
                    <a:pt x="192" y="207"/>
                    <a:pt x="187" y="206"/>
                    <a:pt x="184" y="205"/>
                  </a:cubicBezTo>
                  <a:cubicBezTo>
                    <a:pt x="184" y="205"/>
                    <a:pt x="184" y="204"/>
                    <a:pt x="183" y="203"/>
                  </a:cubicBezTo>
                  <a:cubicBezTo>
                    <a:pt x="183" y="202"/>
                    <a:pt x="182" y="201"/>
                    <a:pt x="181" y="201"/>
                  </a:cubicBezTo>
                  <a:cubicBezTo>
                    <a:pt x="181" y="200"/>
                    <a:pt x="181" y="197"/>
                    <a:pt x="180" y="195"/>
                  </a:cubicBezTo>
                  <a:cubicBezTo>
                    <a:pt x="179" y="194"/>
                    <a:pt x="178" y="194"/>
                    <a:pt x="178" y="194"/>
                  </a:cubicBezTo>
                  <a:cubicBezTo>
                    <a:pt x="177" y="192"/>
                    <a:pt x="178" y="191"/>
                    <a:pt x="176" y="191"/>
                  </a:cubicBezTo>
                  <a:cubicBezTo>
                    <a:pt x="176" y="187"/>
                    <a:pt x="174" y="185"/>
                    <a:pt x="172" y="182"/>
                  </a:cubicBezTo>
                  <a:cubicBezTo>
                    <a:pt x="171" y="181"/>
                    <a:pt x="171" y="179"/>
                    <a:pt x="169" y="180"/>
                  </a:cubicBezTo>
                  <a:cubicBezTo>
                    <a:pt x="170" y="168"/>
                    <a:pt x="169" y="162"/>
                    <a:pt x="169" y="148"/>
                  </a:cubicBezTo>
                  <a:cubicBezTo>
                    <a:pt x="169" y="147"/>
                    <a:pt x="168" y="147"/>
                    <a:pt x="168" y="146"/>
                  </a:cubicBezTo>
                  <a:cubicBezTo>
                    <a:pt x="167" y="146"/>
                    <a:pt x="167" y="145"/>
                    <a:pt x="166" y="144"/>
                  </a:cubicBezTo>
                  <a:cubicBezTo>
                    <a:pt x="166" y="144"/>
                    <a:pt x="165" y="143"/>
                    <a:pt x="164" y="143"/>
                  </a:cubicBezTo>
                  <a:cubicBezTo>
                    <a:pt x="164" y="139"/>
                    <a:pt x="160" y="136"/>
                    <a:pt x="157" y="133"/>
                  </a:cubicBezTo>
                  <a:cubicBezTo>
                    <a:pt x="156" y="132"/>
                    <a:pt x="156" y="132"/>
                    <a:pt x="156" y="131"/>
                  </a:cubicBezTo>
                  <a:cubicBezTo>
                    <a:pt x="156" y="132"/>
                    <a:pt x="158" y="132"/>
                    <a:pt x="159" y="131"/>
                  </a:cubicBezTo>
                  <a:cubicBezTo>
                    <a:pt x="160" y="131"/>
                    <a:pt x="160" y="133"/>
                    <a:pt x="162" y="133"/>
                  </a:cubicBezTo>
                  <a:cubicBezTo>
                    <a:pt x="163" y="134"/>
                    <a:pt x="163" y="135"/>
                    <a:pt x="163" y="137"/>
                  </a:cubicBezTo>
                  <a:cubicBezTo>
                    <a:pt x="168" y="136"/>
                    <a:pt x="169" y="139"/>
                    <a:pt x="172" y="140"/>
                  </a:cubicBezTo>
                  <a:cubicBezTo>
                    <a:pt x="171" y="144"/>
                    <a:pt x="173" y="145"/>
                    <a:pt x="175" y="146"/>
                  </a:cubicBezTo>
                  <a:cubicBezTo>
                    <a:pt x="176" y="146"/>
                    <a:pt x="176" y="144"/>
                    <a:pt x="176" y="143"/>
                  </a:cubicBezTo>
                  <a:cubicBezTo>
                    <a:pt x="176" y="142"/>
                    <a:pt x="174" y="142"/>
                    <a:pt x="174" y="141"/>
                  </a:cubicBezTo>
                  <a:cubicBezTo>
                    <a:pt x="173" y="140"/>
                    <a:pt x="173" y="139"/>
                    <a:pt x="173" y="138"/>
                  </a:cubicBezTo>
                  <a:cubicBezTo>
                    <a:pt x="173" y="137"/>
                    <a:pt x="172" y="137"/>
                    <a:pt x="172" y="137"/>
                  </a:cubicBezTo>
                  <a:cubicBezTo>
                    <a:pt x="172" y="136"/>
                    <a:pt x="173" y="135"/>
                    <a:pt x="173" y="136"/>
                  </a:cubicBezTo>
                  <a:cubicBezTo>
                    <a:pt x="172" y="133"/>
                    <a:pt x="169" y="134"/>
                    <a:pt x="170" y="132"/>
                  </a:cubicBezTo>
                  <a:cubicBezTo>
                    <a:pt x="165" y="132"/>
                    <a:pt x="165" y="129"/>
                    <a:pt x="160" y="129"/>
                  </a:cubicBezTo>
                  <a:cubicBezTo>
                    <a:pt x="162" y="126"/>
                    <a:pt x="157" y="128"/>
                    <a:pt x="159" y="125"/>
                  </a:cubicBezTo>
                  <a:cubicBezTo>
                    <a:pt x="158" y="124"/>
                    <a:pt x="156" y="125"/>
                    <a:pt x="155" y="123"/>
                  </a:cubicBezTo>
                  <a:cubicBezTo>
                    <a:pt x="155" y="122"/>
                    <a:pt x="156" y="122"/>
                    <a:pt x="157" y="122"/>
                  </a:cubicBezTo>
                  <a:cubicBezTo>
                    <a:pt x="158" y="120"/>
                    <a:pt x="153" y="121"/>
                    <a:pt x="154" y="121"/>
                  </a:cubicBezTo>
                  <a:cubicBezTo>
                    <a:pt x="153" y="121"/>
                    <a:pt x="154" y="120"/>
                    <a:pt x="153" y="119"/>
                  </a:cubicBezTo>
                  <a:cubicBezTo>
                    <a:pt x="153" y="119"/>
                    <a:pt x="151" y="120"/>
                    <a:pt x="151" y="119"/>
                  </a:cubicBezTo>
                  <a:cubicBezTo>
                    <a:pt x="151" y="119"/>
                    <a:pt x="152" y="118"/>
                    <a:pt x="152" y="117"/>
                  </a:cubicBezTo>
                  <a:cubicBezTo>
                    <a:pt x="151" y="116"/>
                    <a:pt x="151" y="118"/>
                    <a:pt x="149" y="117"/>
                  </a:cubicBezTo>
                  <a:cubicBezTo>
                    <a:pt x="147" y="116"/>
                    <a:pt x="148" y="114"/>
                    <a:pt x="147" y="113"/>
                  </a:cubicBezTo>
                  <a:cubicBezTo>
                    <a:pt x="146" y="112"/>
                    <a:pt x="146" y="112"/>
                    <a:pt x="144" y="112"/>
                  </a:cubicBezTo>
                  <a:cubicBezTo>
                    <a:pt x="148" y="106"/>
                    <a:pt x="137" y="110"/>
                    <a:pt x="138" y="104"/>
                  </a:cubicBezTo>
                  <a:cubicBezTo>
                    <a:pt x="140" y="104"/>
                    <a:pt x="140" y="104"/>
                    <a:pt x="140" y="104"/>
                  </a:cubicBezTo>
                  <a:cubicBezTo>
                    <a:pt x="141" y="102"/>
                    <a:pt x="136" y="105"/>
                    <a:pt x="138" y="101"/>
                  </a:cubicBezTo>
                  <a:cubicBezTo>
                    <a:pt x="132" y="101"/>
                    <a:pt x="132" y="101"/>
                    <a:pt x="132" y="101"/>
                  </a:cubicBezTo>
                  <a:cubicBezTo>
                    <a:pt x="134" y="100"/>
                    <a:pt x="131" y="99"/>
                    <a:pt x="133" y="98"/>
                  </a:cubicBezTo>
                  <a:cubicBezTo>
                    <a:pt x="133" y="97"/>
                    <a:pt x="130" y="97"/>
                    <a:pt x="131" y="97"/>
                  </a:cubicBezTo>
                  <a:cubicBezTo>
                    <a:pt x="129" y="96"/>
                    <a:pt x="131" y="95"/>
                    <a:pt x="129" y="93"/>
                  </a:cubicBezTo>
                  <a:cubicBezTo>
                    <a:pt x="123" y="93"/>
                    <a:pt x="123" y="93"/>
                    <a:pt x="123" y="93"/>
                  </a:cubicBezTo>
                  <a:cubicBezTo>
                    <a:pt x="124" y="91"/>
                    <a:pt x="125" y="90"/>
                    <a:pt x="125" y="89"/>
                  </a:cubicBezTo>
                  <a:cubicBezTo>
                    <a:pt x="124" y="87"/>
                    <a:pt x="122" y="88"/>
                    <a:pt x="124" y="86"/>
                  </a:cubicBezTo>
                  <a:cubicBezTo>
                    <a:pt x="121" y="86"/>
                    <a:pt x="119" y="88"/>
                    <a:pt x="115" y="87"/>
                  </a:cubicBezTo>
                  <a:cubicBezTo>
                    <a:pt x="115" y="84"/>
                    <a:pt x="112" y="83"/>
                    <a:pt x="110" y="82"/>
                  </a:cubicBezTo>
                  <a:cubicBezTo>
                    <a:pt x="109" y="82"/>
                    <a:pt x="108" y="82"/>
                    <a:pt x="107" y="81"/>
                  </a:cubicBezTo>
                  <a:cubicBezTo>
                    <a:pt x="107" y="81"/>
                    <a:pt x="107" y="80"/>
                    <a:pt x="107" y="79"/>
                  </a:cubicBezTo>
                  <a:cubicBezTo>
                    <a:pt x="107" y="79"/>
                    <a:pt x="105" y="80"/>
                    <a:pt x="105" y="78"/>
                  </a:cubicBezTo>
                  <a:cubicBezTo>
                    <a:pt x="102" y="77"/>
                    <a:pt x="95" y="80"/>
                    <a:pt x="94" y="78"/>
                  </a:cubicBezTo>
                  <a:cubicBezTo>
                    <a:pt x="94" y="78"/>
                    <a:pt x="94" y="77"/>
                    <a:pt x="94" y="77"/>
                  </a:cubicBezTo>
                  <a:cubicBezTo>
                    <a:pt x="93" y="77"/>
                    <a:pt x="92" y="78"/>
                    <a:pt x="92" y="78"/>
                  </a:cubicBezTo>
                  <a:cubicBezTo>
                    <a:pt x="90" y="78"/>
                    <a:pt x="91" y="75"/>
                    <a:pt x="87" y="76"/>
                  </a:cubicBezTo>
                  <a:cubicBezTo>
                    <a:pt x="87" y="74"/>
                    <a:pt x="83" y="75"/>
                    <a:pt x="85" y="73"/>
                  </a:cubicBezTo>
                  <a:cubicBezTo>
                    <a:pt x="84" y="73"/>
                    <a:pt x="84" y="74"/>
                    <a:pt x="83" y="74"/>
                  </a:cubicBezTo>
                  <a:cubicBezTo>
                    <a:pt x="83" y="74"/>
                    <a:pt x="82" y="73"/>
                    <a:pt x="82" y="73"/>
                  </a:cubicBezTo>
                  <a:cubicBezTo>
                    <a:pt x="80" y="73"/>
                    <a:pt x="79" y="75"/>
                    <a:pt x="77" y="74"/>
                  </a:cubicBezTo>
                  <a:cubicBezTo>
                    <a:pt x="75" y="73"/>
                    <a:pt x="77" y="77"/>
                    <a:pt x="76" y="78"/>
                  </a:cubicBezTo>
                  <a:cubicBezTo>
                    <a:pt x="76" y="78"/>
                    <a:pt x="75" y="77"/>
                    <a:pt x="74" y="77"/>
                  </a:cubicBezTo>
                  <a:cubicBezTo>
                    <a:pt x="72" y="78"/>
                    <a:pt x="73" y="79"/>
                    <a:pt x="73" y="79"/>
                  </a:cubicBezTo>
                  <a:cubicBezTo>
                    <a:pt x="72" y="80"/>
                    <a:pt x="68" y="79"/>
                    <a:pt x="67" y="80"/>
                  </a:cubicBezTo>
                  <a:cubicBezTo>
                    <a:pt x="66" y="81"/>
                    <a:pt x="66" y="82"/>
                    <a:pt x="65" y="82"/>
                  </a:cubicBezTo>
                  <a:cubicBezTo>
                    <a:pt x="63" y="82"/>
                    <a:pt x="63" y="81"/>
                    <a:pt x="61" y="81"/>
                  </a:cubicBezTo>
                  <a:cubicBezTo>
                    <a:pt x="63" y="80"/>
                    <a:pt x="65" y="79"/>
                    <a:pt x="64" y="75"/>
                  </a:cubicBezTo>
                  <a:cubicBezTo>
                    <a:pt x="66" y="76"/>
                    <a:pt x="66" y="75"/>
                    <a:pt x="66" y="74"/>
                  </a:cubicBezTo>
                  <a:cubicBezTo>
                    <a:pt x="66" y="72"/>
                    <a:pt x="64" y="73"/>
                    <a:pt x="63" y="73"/>
                  </a:cubicBezTo>
                  <a:cubicBezTo>
                    <a:pt x="62" y="74"/>
                    <a:pt x="62" y="75"/>
                    <a:pt x="60" y="76"/>
                  </a:cubicBezTo>
                  <a:cubicBezTo>
                    <a:pt x="60" y="77"/>
                    <a:pt x="59" y="78"/>
                    <a:pt x="58" y="78"/>
                  </a:cubicBezTo>
                  <a:cubicBezTo>
                    <a:pt x="57" y="78"/>
                    <a:pt x="57" y="81"/>
                    <a:pt x="55" y="80"/>
                  </a:cubicBezTo>
                  <a:cubicBezTo>
                    <a:pt x="56" y="82"/>
                    <a:pt x="55" y="82"/>
                    <a:pt x="54" y="82"/>
                  </a:cubicBezTo>
                  <a:cubicBezTo>
                    <a:pt x="54" y="86"/>
                    <a:pt x="54" y="86"/>
                    <a:pt x="54" y="86"/>
                  </a:cubicBezTo>
                  <a:cubicBezTo>
                    <a:pt x="51" y="87"/>
                    <a:pt x="50" y="90"/>
                    <a:pt x="48" y="92"/>
                  </a:cubicBezTo>
                  <a:cubicBezTo>
                    <a:pt x="47" y="92"/>
                    <a:pt x="46" y="91"/>
                    <a:pt x="46" y="92"/>
                  </a:cubicBezTo>
                  <a:cubicBezTo>
                    <a:pt x="46" y="92"/>
                    <a:pt x="46" y="93"/>
                    <a:pt x="46" y="94"/>
                  </a:cubicBezTo>
                  <a:cubicBezTo>
                    <a:pt x="46" y="94"/>
                    <a:pt x="42" y="94"/>
                    <a:pt x="43" y="95"/>
                  </a:cubicBezTo>
                  <a:cubicBezTo>
                    <a:pt x="45" y="96"/>
                    <a:pt x="41" y="96"/>
                    <a:pt x="39" y="97"/>
                  </a:cubicBezTo>
                  <a:cubicBezTo>
                    <a:pt x="39" y="98"/>
                    <a:pt x="38" y="101"/>
                    <a:pt x="37" y="100"/>
                  </a:cubicBezTo>
                  <a:cubicBezTo>
                    <a:pt x="36" y="99"/>
                    <a:pt x="37" y="100"/>
                    <a:pt x="36" y="101"/>
                  </a:cubicBezTo>
                  <a:cubicBezTo>
                    <a:pt x="33" y="101"/>
                    <a:pt x="33" y="101"/>
                    <a:pt x="33" y="101"/>
                  </a:cubicBezTo>
                  <a:cubicBezTo>
                    <a:pt x="31" y="102"/>
                    <a:pt x="34" y="103"/>
                    <a:pt x="30" y="103"/>
                  </a:cubicBezTo>
                  <a:cubicBezTo>
                    <a:pt x="28" y="103"/>
                    <a:pt x="26" y="103"/>
                    <a:pt x="24" y="104"/>
                  </a:cubicBezTo>
                  <a:cubicBezTo>
                    <a:pt x="23" y="105"/>
                    <a:pt x="22" y="107"/>
                    <a:pt x="20" y="106"/>
                  </a:cubicBezTo>
                  <a:cubicBezTo>
                    <a:pt x="20" y="103"/>
                    <a:pt x="23" y="104"/>
                    <a:pt x="25" y="103"/>
                  </a:cubicBezTo>
                  <a:cubicBezTo>
                    <a:pt x="26" y="103"/>
                    <a:pt x="26" y="103"/>
                    <a:pt x="26" y="102"/>
                  </a:cubicBezTo>
                  <a:cubicBezTo>
                    <a:pt x="26" y="101"/>
                    <a:pt x="28" y="101"/>
                    <a:pt x="30" y="101"/>
                  </a:cubicBezTo>
                  <a:cubicBezTo>
                    <a:pt x="31" y="101"/>
                    <a:pt x="30" y="99"/>
                    <a:pt x="31" y="98"/>
                  </a:cubicBezTo>
                  <a:cubicBezTo>
                    <a:pt x="31" y="98"/>
                    <a:pt x="32" y="100"/>
                    <a:pt x="34" y="97"/>
                  </a:cubicBezTo>
                  <a:cubicBezTo>
                    <a:pt x="34" y="97"/>
                    <a:pt x="34" y="98"/>
                    <a:pt x="34" y="96"/>
                  </a:cubicBezTo>
                  <a:cubicBezTo>
                    <a:pt x="35" y="95"/>
                    <a:pt x="37" y="96"/>
                    <a:pt x="38" y="95"/>
                  </a:cubicBezTo>
                  <a:cubicBezTo>
                    <a:pt x="38" y="90"/>
                    <a:pt x="38" y="90"/>
                    <a:pt x="38" y="90"/>
                  </a:cubicBezTo>
                  <a:cubicBezTo>
                    <a:pt x="41" y="93"/>
                    <a:pt x="39" y="87"/>
                    <a:pt x="42" y="88"/>
                  </a:cubicBezTo>
                  <a:cubicBezTo>
                    <a:pt x="42" y="86"/>
                    <a:pt x="38" y="88"/>
                    <a:pt x="39" y="85"/>
                  </a:cubicBezTo>
                  <a:cubicBezTo>
                    <a:pt x="38" y="87"/>
                    <a:pt x="32" y="85"/>
                    <a:pt x="32" y="87"/>
                  </a:cubicBezTo>
                  <a:cubicBezTo>
                    <a:pt x="30" y="87"/>
                    <a:pt x="31" y="85"/>
                    <a:pt x="31" y="85"/>
                  </a:cubicBezTo>
                  <a:cubicBezTo>
                    <a:pt x="29" y="84"/>
                    <a:pt x="27" y="86"/>
                    <a:pt x="25" y="85"/>
                  </a:cubicBezTo>
                  <a:cubicBezTo>
                    <a:pt x="26" y="83"/>
                    <a:pt x="23" y="84"/>
                    <a:pt x="23" y="83"/>
                  </a:cubicBezTo>
                  <a:cubicBezTo>
                    <a:pt x="23" y="82"/>
                    <a:pt x="24" y="82"/>
                    <a:pt x="24" y="82"/>
                  </a:cubicBezTo>
                  <a:cubicBezTo>
                    <a:pt x="22" y="80"/>
                    <a:pt x="21" y="80"/>
                    <a:pt x="19" y="77"/>
                  </a:cubicBezTo>
                  <a:cubicBezTo>
                    <a:pt x="18" y="79"/>
                    <a:pt x="15" y="78"/>
                    <a:pt x="13" y="78"/>
                  </a:cubicBezTo>
                  <a:cubicBezTo>
                    <a:pt x="12" y="77"/>
                    <a:pt x="13" y="77"/>
                    <a:pt x="13" y="76"/>
                  </a:cubicBezTo>
                  <a:cubicBezTo>
                    <a:pt x="13" y="75"/>
                    <a:pt x="10" y="75"/>
                    <a:pt x="11" y="72"/>
                  </a:cubicBezTo>
                  <a:cubicBezTo>
                    <a:pt x="10" y="71"/>
                    <a:pt x="9" y="69"/>
                    <a:pt x="9" y="71"/>
                  </a:cubicBezTo>
                  <a:cubicBezTo>
                    <a:pt x="6" y="71"/>
                    <a:pt x="8" y="68"/>
                    <a:pt x="9" y="67"/>
                  </a:cubicBezTo>
                  <a:cubicBezTo>
                    <a:pt x="9" y="66"/>
                    <a:pt x="8" y="65"/>
                    <a:pt x="9" y="65"/>
                  </a:cubicBezTo>
                  <a:cubicBezTo>
                    <a:pt x="9" y="65"/>
                    <a:pt x="10" y="65"/>
                    <a:pt x="11" y="65"/>
                  </a:cubicBezTo>
                  <a:cubicBezTo>
                    <a:pt x="11" y="64"/>
                    <a:pt x="11" y="63"/>
                    <a:pt x="12" y="62"/>
                  </a:cubicBezTo>
                  <a:cubicBezTo>
                    <a:pt x="14" y="62"/>
                    <a:pt x="17" y="61"/>
                    <a:pt x="19" y="60"/>
                  </a:cubicBezTo>
                  <a:cubicBezTo>
                    <a:pt x="20" y="59"/>
                    <a:pt x="21" y="60"/>
                    <a:pt x="23" y="59"/>
                  </a:cubicBezTo>
                  <a:cubicBezTo>
                    <a:pt x="25" y="59"/>
                    <a:pt x="21" y="57"/>
                    <a:pt x="27" y="57"/>
                  </a:cubicBezTo>
                  <a:cubicBezTo>
                    <a:pt x="26" y="55"/>
                    <a:pt x="26" y="53"/>
                    <a:pt x="25" y="50"/>
                  </a:cubicBezTo>
                  <a:cubicBezTo>
                    <a:pt x="23" y="48"/>
                    <a:pt x="18" y="53"/>
                    <a:pt x="15" y="51"/>
                  </a:cubicBezTo>
                  <a:cubicBezTo>
                    <a:pt x="14" y="49"/>
                    <a:pt x="15" y="52"/>
                    <a:pt x="12" y="52"/>
                  </a:cubicBezTo>
                  <a:cubicBezTo>
                    <a:pt x="11" y="50"/>
                    <a:pt x="7" y="51"/>
                    <a:pt x="5" y="50"/>
                  </a:cubicBezTo>
                  <a:cubicBezTo>
                    <a:pt x="5" y="50"/>
                    <a:pt x="7" y="48"/>
                    <a:pt x="5" y="48"/>
                  </a:cubicBezTo>
                  <a:cubicBezTo>
                    <a:pt x="3" y="48"/>
                    <a:pt x="1" y="47"/>
                    <a:pt x="1" y="44"/>
                  </a:cubicBezTo>
                  <a:cubicBezTo>
                    <a:pt x="7" y="45"/>
                    <a:pt x="0" y="41"/>
                    <a:pt x="7" y="42"/>
                  </a:cubicBezTo>
                  <a:cubicBezTo>
                    <a:pt x="8" y="42"/>
                    <a:pt x="7" y="41"/>
                    <a:pt x="7" y="41"/>
                  </a:cubicBezTo>
                  <a:cubicBezTo>
                    <a:pt x="7" y="39"/>
                    <a:pt x="9" y="41"/>
                    <a:pt x="9" y="41"/>
                  </a:cubicBezTo>
                  <a:cubicBezTo>
                    <a:pt x="10" y="41"/>
                    <a:pt x="11" y="40"/>
                    <a:pt x="13" y="40"/>
                  </a:cubicBezTo>
                  <a:cubicBezTo>
                    <a:pt x="13" y="40"/>
                    <a:pt x="14" y="42"/>
                    <a:pt x="14" y="42"/>
                  </a:cubicBezTo>
                  <a:cubicBezTo>
                    <a:pt x="17" y="43"/>
                    <a:pt x="19" y="41"/>
                    <a:pt x="21" y="42"/>
                  </a:cubicBezTo>
                  <a:cubicBezTo>
                    <a:pt x="23" y="42"/>
                    <a:pt x="22" y="43"/>
                    <a:pt x="24" y="42"/>
                  </a:cubicBezTo>
                  <a:cubicBezTo>
                    <a:pt x="25" y="42"/>
                    <a:pt x="24" y="41"/>
                    <a:pt x="24" y="40"/>
                  </a:cubicBezTo>
                  <a:cubicBezTo>
                    <a:pt x="25" y="40"/>
                    <a:pt x="26" y="40"/>
                    <a:pt x="26" y="39"/>
                  </a:cubicBezTo>
                  <a:cubicBezTo>
                    <a:pt x="26" y="37"/>
                    <a:pt x="22" y="40"/>
                    <a:pt x="23" y="36"/>
                  </a:cubicBezTo>
                  <a:cubicBezTo>
                    <a:pt x="20" y="36"/>
                    <a:pt x="18" y="35"/>
                    <a:pt x="15" y="34"/>
                  </a:cubicBezTo>
                  <a:cubicBezTo>
                    <a:pt x="16" y="33"/>
                    <a:pt x="17" y="33"/>
                    <a:pt x="14" y="32"/>
                  </a:cubicBezTo>
                  <a:cubicBezTo>
                    <a:pt x="14" y="31"/>
                    <a:pt x="14" y="31"/>
                    <a:pt x="13" y="31"/>
                  </a:cubicBezTo>
                  <a:cubicBezTo>
                    <a:pt x="13" y="30"/>
                    <a:pt x="11" y="30"/>
                    <a:pt x="10" y="30"/>
                  </a:cubicBezTo>
                  <a:cubicBezTo>
                    <a:pt x="10" y="30"/>
                    <a:pt x="12" y="26"/>
                    <a:pt x="10" y="27"/>
                  </a:cubicBezTo>
                  <a:cubicBezTo>
                    <a:pt x="9" y="27"/>
                    <a:pt x="10" y="28"/>
                    <a:pt x="9" y="28"/>
                  </a:cubicBezTo>
                  <a:cubicBezTo>
                    <a:pt x="8" y="28"/>
                    <a:pt x="7" y="26"/>
                    <a:pt x="6" y="27"/>
                  </a:cubicBezTo>
                  <a:cubicBezTo>
                    <a:pt x="8" y="24"/>
                    <a:pt x="12" y="23"/>
                    <a:pt x="15" y="22"/>
                  </a:cubicBezTo>
                  <a:cubicBezTo>
                    <a:pt x="14" y="19"/>
                    <a:pt x="18" y="19"/>
                    <a:pt x="19" y="17"/>
                  </a:cubicBezTo>
                  <a:cubicBezTo>
                    <a:pt x="20" y="16"/>
                    <a:pt x="19" y="14"/>
                    <a:pt x="20" y="13"/>
                  </a:cubicBezTo>
                  <a:cubicBezTo>
                    <a:pt x="22" y="16"/>
                    <a:pt x="23" y="14"/>
                    <a:pt x="27" y="14"/>
                  </a:cubicBezTo>
                  <a:cubicBezTo>
                    <a:pt x="29" y="12"/>
                    <a:pt x="32" y="10"/>
                    <a:pt x="37" y="11"/>
                  </a:cubicBezTo>
                  <a:cubicBezTo>
                    <a:pt x="38" y="11"/>
                    <a:pt x="38" y="9"/>
                    <a:pt x="38" y="9"/>
                  </a:cubicBezTo>
                  <a:cubicBezTo>
                    <a:pt x="40" y="8"/>
                    <a:pt x="44" y="9"/>
                    <a:pt x="44" y="7"/>
                  </a:cubicBezTo>
                  <a:cubicBezTo>
                    <a:pt x="45" y="7"/>
                    <a:pt x="45" y="8"/>
                    <a:pt x="46" y="9"/>
                  </a:cubicBezTo>
                  <a:cubicBezTo>
                    <a:pt x="47" y="9"/>
                    <a:pt x="49" y="8"/>
                    <a:pt x="49" y="11"/>
                  </a:cubicBezTo>
                  <a:cubicBezTo>
                    <a:pt x="61" y="11"/>
                    <a:pt x="61" y="11"/>
                    <a:pt x="61" y="11"/>
                  </a:cubicBezTo>
                  <a:cubicBezTo>
                    <a:pt x="57" y="15"/>
                    <a:pt x="68" y="9"/>
                    <a:pt x="64" y="13"/>
                  </a:cubicBezTo>
                  <a:cubicBezTo>
                    <a:pt x="66" y="14"/>
                    <a:pt x="68" y="13"/>
                    <a:pt x="68" y="12"/>
                  </a:cubicBezTo>
                  <a:cubicBezTo>
                    <a:pt x="70" y="14"/>
                    <a:pt x="74" y="13"/>
                    <a:pt x="76" y="13"/>
                  </a:cubicBezTo>
                  <a:cubicBezTo>
                    <a:pt x="77" y="14"/>
                    <a:pt x="77" y="14"/>
                    <a:pt x="77" y="14"/>
                  </a:cubicBezTo>
                  <a:cubicBezTo>
                    <a:pt x="78" y="14"/>
                    <a:pt x="78" y="15"/>
                    <a:pt x="79" y="15"/>
                  </a:cubicBezTo>
                  <a:cubicBezTo>
                    <a:pt x="82" y="16"/>
                    <a:pt x="83" y="14"/>
                    <a:pt x="84" y="15"/>
                  </a:cubicBezTo>
                  <a:cubicBezTo>
                    <a:pt x="85" y="16"/>
                    <a:pt x="95" y="15"/>
                    <a:pt x="97" y="16"/>
                  </a:cubicBezTo>
                  <a:cubicBezTo>
                    <a:pt x="98" y="17"/>
                    <a:pt x="103" y="18"/>
                    <a:pt x="107" y="18"/>
                  </a:cubicBezTo>
                  <a:cubicBezTo>
                    <a:pt x="108" y="19"/>
                    <a:pt x="110" y="20"/>
                    <a:pt x="110" y="22"/>
                  </a:cubicBezTo>
                  <a:cubicBezTo>
                    <a:pt x="113" y="22"/>
                    <a:pt x="114" y="24"/>
                    <a:pt x="118" y="23"/>
                  </a:cubicBezTo>
                  <a:cubicBezTo>
                    <a:pt x="118" y="26"/>
                    <a:pt x="122" y="25"/>
                    <a:pt x="125" y="25"/>
                  </a:cubicBezTo>
                  <a:cubicBezTo>
                    <a:pt x="125" y="24"/>
                    <a:pt x="124" y="24"/>
                    <a:pt x="123" y="24"/>
                  </a:cubicBezTo>
                  <a:cubicBezTo>
                    <a:pt x="125" y="22"/>
                    <a:pt x="127" y="20"/>
                    <a:pt x="131" y="19"/>
                  </a:cubicBezTo>
                  <a:cubicBezTo>
                    <a:pt x="131" y="21"/>
                    <a:pt x="132" y="21"/>
                    <a:pt x="132" y="20"/>
                  </a:cubicBezTo>
                  <a:cubicBezTo>
                    <a:pt x="133" y="20"/>
                    <a:pt x="132" y="22"/>
                    <a:pt x="134" y="22"/>
                  </a:cubicBezTo>
                  <a:cubicBezTo>
                    <a:pt x="136" y="22"/>
                    <a:pt x="136" y="21"/>
                    <a:pt x="136" y="19"/>
                  </a:cubicBezTo>
                  <a:cubicBezTo>
                    <a:pt x="138" y="19"/>
                    <a:pt x="138" y="20"/>
                    <a:pt x="139" y="20"/>
                  </a:cubicBezTo>
                  <a:cubicBezTo>
                    <a:pt x="141" y="19"/>
                    <a:pt x="139" y="18"/>
                    <a:pt x="141" y="16"/>
                  </a:cubicBezTo>
                  <a:cubicBezTo>
                    <a:pt x="143" y="16"/>
                    <a:pt x="144" y="18"/>
                    <a:pt x="144" y="16"/>
                  </a:cubicBezTo>
                  <a:cubicBezTo>
                    <a:pt x="146" y="17"/>
                    <a:pt x="145" y="19"/>
                    <a:pt x="143" y="18"/>
                  </a:cubicBezTo>
                  <a:cubicBezTo>
                    <a:pt x="145" y="21"/>
                    <a:pt x="151" y="16"/>
                    <a:pt x="153" y="19"/>
                  </a:cubicBezTo>
                  <a:cubicBezTo>
                    <a:pt x="156" y="19"/>
                    <a:pt x="150" y="16"/>
                    <a:pt x="154" y="16"/>
                  </a:cubicBezTo>
                  <a:cubicBezTo>
                    <a:pt x="154" y="15"/>
                    <a:pt x="155" y="14"/>
                    <a:pt x="157" y="14"/>
                  </a:cubicBezTo>
                  <a:cubicBezTo>
                    <a:pt x="157" y="17"/>
                    <a:pt x="157" y="17"/>
                    <a:pt x="157" y="17"/>
                  </a:cubicBezTo>
                  <a:cubicBezTo>
                    <a:pt x="159" y="15"/>
                    <a:pt x="159" y="19"/>
                    <a:pt x="161" y="19"/>
                  </a:cubicBezTo>
                  <a:cubicBezTo>
                    <a:pt x="164" y="19"/>
                    <a:pt x="166" y="19"/>
                    <a:pt x="167" y="17"/>
                  </a:cubicBezTo>
                  <a:cubicBezTo>
                    <a:pt x="169" y="18"/>
                    <a:pt x="171" y="18"/>
                    <a:pt x="170" y="21"/>
                  </a:cubicBezTo>
                  <a:cubicBezTo>
                    <a:pt x="172" y="20"/>
                    <a:pt x="174" y="20"/>
                    <a:pt x="175" y="17"/>
                  </a:cubicBezTo>
                  <a:cubicBezTo>
                    <a:pt x="177" y="19"/>
                    <a:pt x="178" y="17"/>
                    <a:pt x="181" y="19"/>
                  </a:cubicBezTo>
                  <a:cubicBezTo>
                    <a:pt x="187" y="19"/>
                    <a:pt x="187" y="19"/>
                    <a:pt x="187" y="19"/>
                  </a:cubicBezTo>
                  <a:cubicBezTo>
                    <a:pt x="187" y="19"/>
                    <a:pt x="186" y="21"/>
                    <a:pt x="186" y="21"/>
                  </a:cubicBezTo>
                  <a:cubicBezTo>
                    <a:pt x="186" y="21"/>
                    <a:pt x="189" y="22"/>
                    <a:pt x="188" y="22"/>
                  </a:cubicBezTo>
                  <a:cubicBezTo>
                    <a:pt x="189" y="22"/>
                    <a:pt x="190" y="21"/>
                    <a:pt x="191" y="21"/>
                  </a:cubicBezTo>
                  <a:cubicBezTo>
                    <a:pt x="191" y="21"/>
                    <a:pt x="191" y="23"/>
                    <a:pt x="191" y="23"/>
                  </a:cubicBezTo>
                  <a:cubicBezTo>
                    <a:pt x="194" y="25"/>
                    <a:pt x="198" y="22"/>
                    <a:pt x="201" y="23"/>
                  </a:cubicBezTo>
                  <a:cubicBezTo>
                    <a:pt x="201" y="24"/>
                    <a:pt x="202" y="24"/>
                    <a:pt x="203" y="24"/>
                  </a:cubicBezTo>
                  <a:cubicBezTo>
                    <a:pt x="202" y="27"/>
                    <a:pt x="207" y="25"/>
                    <a:pt x="206" y="27"/>
                  </a:cubicBezTo>
                  <a:cubicBezTo>
                    <a:pt x="207" y="29"/>
                    <a:pt x="204" y="28"/>
                    <a:pt x="204" y="30"/>
                  </a:cubicBezTo>
                  <a:cubicBezTo>
                    <a:pt x="204" y="31"/>
                    <a:pt x="205" y="31"/>
                    <a:pt x="205" y="33"/>
                  </a:cubicBezTo>
                  <a:cubicBezTo>
                    <a:pt x="216" y="32"/>
                    <a:pt x="224" y="31"/>
                    <a:pt x="232" y="34"/>
                  </a:cubicBezTo>
                  <a:cubicBezTo>
                    <a:pt x="232" y="35"/>
                    <a:pt x="231" y="36"/>
                    <a:pt x="231" y="37"/>
                  </a:cubicBezTo>
                  <a:cubicBezTo>
                    <a:pt x="233" y="37"/>
                    <a:pt x="233" y="36"/>
                    <a:pt x="235" y="36"/>
                  </a:cubicBezTo>
                  <a:cubicBezTo>
                    <a:pt x="234" y="33"/>
                    <a:pt x="235" y="34"/>
                    <a:pt x="234" y="31"/>
                  </a:cubicBezTo>
                  <a:cubicBezTo>
                    <a:pt x="235" y="29"/>
                    <a:pt x="242" y="29"/>
                    <a:pt x="240" y="28"/>
                  </a:cubicBezTo>
                  <a:cubicBezTo>
                    <a:pt x="240" y="26"/>
                    <a:pt x="241" y="28"/>
                    <a:pt x="243" y="28"/>
                  </a:cubicBezTo>
                  <a:cubicBezTo>
                    <a:pt x="243" y="29"/>
                    <a:pt x="244" y="28"/>
                    <a:pt x="244" y="30"/>
                  </a:cubicBezTo>
                  <a:cubicBezTo>
                    <a:pt x="248" y="30"/>
                    <a:pt x="251" y="29"/>
                    <a:pt x="254" y="30"/>
                  </a:cubicBezTo>
                  <a:cubicBezTo>
                    <a:pt x="254" y="30"/>
                    <a:pt x="254" y="31"/>
                    <a:pt x="255" y="31"/>
                  </a:cubicBezTo>
                  <a:cubicBezTo>
                    <a:pt x="256" y="31"/>
                    <a:pt x="256" y="32"/>
                    <a:pt x="257" y="32"/>
                  </a:cubicBezTo>
                  <a:cubicBezTo>
                    <a:pt x="260" y="32"/>
                    <a:pt x="263" y="30"/>
                    <a:pt x="268" y="31"/>
                  </a:cubicBezTo>
                  <a:cubicBezTo>
                    <a:pt x="271" y="29"/>
                    <a:pt x="270" y="27"/>
                    <a:pt x="271" y="25"/>
                  </a:cubicBezTo>
                  <a:cubicBezTo>
                    <a:pt x="271" y="22"/>
                    <a:pt x="268" y="23"/>
                    <a:pt x="267" y="22"/>
                  </a:cubicBezTo>
                  <a:cubicBezTo>
                    <a:pt x="268" y="17"/>
                    <a:pt x="276" y="20"/>
                    <a:pt x="279" y="21"/>
                  </a:cubicBezTo>
                  <a:cubicBezTo>
                    <a:pt x="278" y="22"/>
                    <a:pt x="278" y="23"/>
                    <a:pt x="276" y="23"/>
                  </a:cubicBezTo>
                  <a:cubicBezTo>
                    <a:pt x="278" y="25"/>
                    <a:pt x="276" y="26"/>
                    <a:pt x="275" y="27"/>
                  </a:cubicBezTo>
                  <a:cubicBezTo>
                    <a:pt x="275" y="29"/>
                    <a:pt x="276" y="29"/>
                    <a:pt x="278" y="29"/>
                  </a:cubicBezTo>
                  <a:cubicBezTo>
                    <a:pt x="276" y="32"/>
                    <a:pt x="279" y="32"/>
                    <a:pt x="277" y="34"/>
                  </a:cubicBezTo>
                  <a:cubicBezTo>
                    <a:pt x="280" y="36"/>
                    <a:pt x="282" y="30"/>
                    <a:pt x="281" y="31"/>
                  </a:cubicBezTo>
                  <a:cubicBezTo>
                    <a:pt x="281" y="30"/>
                    <a:pt x="284" y="33"/>
                    <a:pt x="283" y="29"/>
                  </a:cubicBezTo>
                  <a:cubicBezTo>
                    <a:pt x="287" y="29"/>
                    <a:pt x="286" y="25"/>
                    <a:pt x="288" y="24"/>
                  </a:cubicBezTo>
                  <a:cubicBezTo>
                    <a:pt x="287" y="21"/>
                    <a:pt x="286" y="19"/>
                    <a:pt x="282" y="19"/>
                  </a:cubicBezTo>
                  <a:cubicBezTo>
                    <a:pt x="284" y="18"/>
                    <a:pt x="280" y="15"/>
                    <a:pt x="277" y="14"/>
                  </a:cubicBezTo>
                  <a:cubicBezTo>
                    <a:pt x="277" y="13"/>
                    <a:pt x="277" y="12"/>
                    <a:pt x="276" y="12"/>
                  </a:cubicBezTo>
                  <a:cubicBezTo>
                    <a:pt x="276" y="10"/>
                    <a:pt x="279" y="9"/>
                    <a:pt x="279" y="7"/>
                  </a:cubicBezTo>
                  <a:cubicBezTo>
                    <a:pt x="279" y="6"/>
                    <a:pt x="281" y="5"/>
                    <a:pt x="281" y="5"/>
                  </a:cubicBezTo>
                  <a:cubicBezTo>
                    <a:pt x="278" y="2"/>
                    <a:pt x="284" y="5"/>
                    <a:pt x="282" y="3"/>
                  </a:cubicBezTo>
                  <a:cubicBezTo>
                    <a:pt x="282" y="0"/>
                    <a:pt x="284" y="4"/>
                    <a:pt x="285" y="4"/>
                  </a:cubicBezTo>
                  <a:cubicBezTo>
                    <a:pt x="286" y="4"/>
                    <a:pt x="288" y="3"/>
                    <a:pt x="288" y="4"/>
                  </a:cubicBezTo>
                  <a:cubicBezTo>
                    <a:pt x="289" y="4"/>
                    <a:pt x="287" y="5"/>
                    <a:pt x="287" y="6"/>
                  </a:cubicBezTo>
                  <a:cubicBezTo>
                    <a:pt x="288" y="6"/>
                    <a:pt x="290" y="5"/>
                    <a:pt x="290" y="6"/>
                  </a:cubicBezTo>
                  <a:cubicBezTo>
                    <a:pt x="291" y="6"/>
                    <a:pt x="290" y="8"/>
                    <a:pt x="290" y="9"/>
                  </a:cubicBezTo>
                  <a:cubicBezTo>
                    <a:pt x="290" y="9"/>
                    <a:pt x="292" y="8"/>
                    <a:pt x="292" y="9"/>
                  </a:cubicBezTo>
                  <a:cubicBezTo>
                    <a:pt x="293" y="11"/>
                    <a:pt x="291" y="10"/>
                    <a:pt x="292" y="12"/>
                  </a:cubicBezTo>
                  <a:cubicBezTo>
                    <a:pt x="293" y="13"/>
                    <a:pt x="293" y="13"/>
                    <a:pt x="293" y="14"/>
                  </a:cubicBezTo>
                  <a:cubicBezTo>
                    <a:pt x="293" y="14"/>
                    <a:pt x="292" y="15"/>
                    <a:pt x="292" y="15"/>
                  </a:cubicBezTo>
                  <a:cubicBezTo>
                    <a:pt x="292" y="17"/>
                    <a:pt x="292" y="17"/>
                    <a:pt x="291" y="18"/>
                  </a:cubicBezTo>
                  <a:cubicBezTo>
                    <a:pt x="291" y="20"/>
                    <a:pt x="297" y="20"/>
                    <a:pt x="296" y="17"/>
                  </a:cubicBezTo>
                  <a:cubicBezTo>
                    <a:pt x="298" y="17"/>
                    <a:pt x="297" y="20"/>
                    <a:pt x="300" y="19"/>
                  </a:cubicBezTo>
                  <a:cubicBezTo>
                    <a:pt x="298" y="21"/>
                    <a:pt x="300" y="21"/>
                    <a:pt x="300" y="24"/>
                  </a:cubicBezTo>
                  <a:cubicBezTo>
                    <a:pt x="304" y="24"/>
                    <a:pt x="303" y="21"/>
                    <a:pt x="307" y="23"/>
                  </a:cubicBezTo>
                  <a:cubicBezTo>
                    <a:pt x="307" y="23"/>
                    <a:pt x="307" y="23"/>
                    <a:pt x="307" y="22"/>
                  </a:cubicBezTo>
                  <a:cubicBezTo>
                    <a:pt x="310" y="23"/>
                    <a:pt x="306" y="23"/>
                    <a:pt x="308" y="25"/>
                  </a:cubicBezTo>
                  <a:cubicBezTo>
                    <a:pt x="308" y="25"/>
                    <a:pt x="310" y="26"/>
                    <a:pt x="310" y="26"/>
                  </a:cubicBezTo>
                  <a:cubicBezTo>
                    <a:pt x="310" y="27"/>
                    <a:pt x="307" y="29"/>
                    <a:pt x="308" y="32"/>
                  </a:cubicBezTo>
                  <a:moveTo>
                    <a:pt x="195" y="42"/>
                  </a:moveTo>
                  <a:cubicBezTo>
                    <a:pt x="194" y="40"/>
                    <a:pt x="196" y="40"/>
                    <a:pt x="195" y="39"/>
                  </a:cubicBezTo>
                  <a:cubicBezTo>
                    <a:pt x="195" y="40"/>
                    <a:pt x="195" y="40"/>
                    <a:pt x="194" y="40"/>
                  </a:cubicBezTo>
                  <a:cubicBezTo>
                    <a:pt x="194" y="39"/>
                    <a:pt x="194" y="37"/>
                    <a:pt x="193" y="37"/>
                  </a:cubicBezTo>
                  <a:cubicBezTo>
                    <a:pt x="192" y="39"/>
                    <a:pt x="187" y="42"/>
                    <a:pt x="185" y="39"/>
                  </a:cubicBezTo>
                  <a:cubicBezTo>
                    <a:pt x="185" y="37"/>
                    <a:pt x="190" y="40"/>
                    <a:pt x="188" y="36"/>
                  </a:cubicBezTo>
                  <a:cubicBezTo>
                    <a:pt x="187" y="36"/>
                    <a:pt x="186" y="36"/>
                    <a:pt x="186" y="35"/>
                  </a:cubicBezTo>
                  <a:cubicBezTo>
                    <a:pt x="185" y="35"/>
                    <a:pt x="184" y="37"/>
                    <a:pt x="182" y="37"/>
                  </a:cubicBezTo>
                  <a:cubicBezTo>
                    <a:pt x="181" y="38"/>
                    <a:pt x="178" y="38"/>
                    <a:pt x="176" y="38"/>
                  </a:cubicBezTo>
                  <a:cubicBezTo>
                    <a:pt x="176" y="38"/>
                    <a:pt x="175" y="39"/>
                    <a:pt x="175" y="39"/>
                  </a:cubicBezTo>
                  <a:cubicBezTo>
                    <a:pt x="172" y="40"/>
                    <a:pt x="168" y="40"/>
                    <a:pt x="165" y="40"/>
                  </a:cubicBezTo>
                  <a:cubicBezTo>
                    <a:pt x="166" y="42"/>
                    <a:pt x="164" y="43"/>
                    <a:pt x="165" y="43"/>
                  </a:cubicBezTo>
                  <a:cubicBezTo>
                    <a:pt x="165" y="42"/>
                    <a:pt x="166" y="42"/>
                    <a:pt x="166" y="44"/>
                  </a:cubicBezTo>
                  <a:cubicBezTo>
                    <a:pt x="170" y="45"/>
                    <a:pt x="176" y="40"/>
                    <a:pt x="178" y="44"/>
                  </a:cubicBezTo>
                  <a:cubicBezTo>
                    <a:pt x="175" y="42"/>
                    <a:pt x="177" y="44"/>
                    <a:pt x="175" y="45"/>
                  </a:cubicBezTo>
                  <a:cubicBezTo>
                    <a:pt x="173" y="45"/>
                    <a:pt x="172" y="46"/>
                    <a:pt x="171" y="47"/>
                  </a:cubicBezTo>
                  <a:cubicBezTo>
                    <a:pt x="176" y="48"/>
                    <a:pt x="179" y="46"/>
                    <a:pt x="183" y="46"/>
                  </a:cubicBezTo>
                  <a:cubicBezTo>
                    <a:pt x="184" y="47"/>
                    <a:pt x="183" y="49"/>
                    <a:pt x="184" y="49"/>
                  </a:cubicBezTo>
                  <a:cubicBezTo>
                    <a:pt x="184" y="48"/>
                    <a:pt x="186" y="48"/>
                    <a:pt x="187" y="48"/>
                  </a:cubicBezTo>
                  <a:cubicBezTo>
                    <a:pt x="187" y="46"/>
                    <a:pt x="188" y="45"/>
                    <a:pt x="189" y="44"/>
                  </a:cubicBezTo>
                  <a:cubicBezTo>
                    <a:pt x="191" y="42"/>
                    <a:pt x="190" y="44"/>
                    <a:pt x="193" y="44"/>
                  </a:cubicBezTo>
                  <a:cubicBezTo>
                    <a:pt x="193" y="43"/>
                    <a:pt x="193" y="42"/>
                    <a:pt x="195" y="42"/>
                  </a:cubicBezTo>
                  <a:moveTo>
                    <a:pt x="202" y="75"/>
                  </a:moveTo>
                  <a:cubicBezTo>
                    <a:pt x="202" y="72"/>
                    <a:pt x="205" y="73"/>
                    <a:pt x="206" y="72"/>
                  </a:cubicBezTo>
                  <a:cubicBezTo>
                    <a:pt x="206" y="71"/>
                    <a:pt x="208" y="72"/>
                    <a:pt x="208" y="72"/>
                  </a:cubicBezTo>
                  <a:cubicBezTo>
                    <a:pt x="210" y="71"/>
                    <a:pt x="212" y="71"/>
                    <a:pt x="213" y="71"/>
                  </a:cubicBezTo>
                  <a:cubicBezTo>
                    <a:pt x="213" y="71"/>
                    <a:pt x="214" y="69"/>
                    <a:pt x="214" y="69"/>
                  </a:cubicBezTo>
                  <a:cubicBezTo>
                    <a:pt x="216" y="67"/>
                    <a:pt x="218" y="70"/>
                    <a:pt x="219" y="68"/>
                  </a:cubicBezTo>
                  <a:cubicBezTo>
                    <a:pt x="218" y="68"/>
                    <a:pt x="218" y="67"/>
                    <a:pt x="219" y="67"/>
                  </a:cubicBezTo>
                  <a:cubicBezTo>
                    <a:pt x="221" y="67"/>
                    <a:pt x="221" y="66"/>
                    <a:pt x="222" y="67"/>
                  </a:cubicBezTo>
                  <a:cubicBezTo>
                    <a:pt x="222" y="68"/>
                    <a:pt x="223" y="66"/>
                    <a:pt x="223" y="66"/>
                  </a:cubicBezTo>
                  <a:cubicBezTo>
                    <a:pt x="221" y="67"/>
                    <a:pt x="223" y="64"/>
                    <a:pt x="224" y="66"/>
                  </a:cubicBezTo>
                  <a:cubicBezTo>
                    <a:pt x="225" y="64"/>
                    <a:pt x="226" y="64"/>
                    <a:pt x="226" y="61"/>
                  </a:cubicBezTo>
                  <a:cubicBezTo>
                    <a:pt x="223" y="61"/>
                    <a:pt x="222" y="63"/>
                    <a:pt x="219" y="62"/>
                  </a:cubicBezTo>
                  <a:cubicBezTo>
                    <a:pt x="219" y="64"/>
                    <a:pt x="218" y="64"/>
                    <a:pt x="217" y="65"/>
                  </a:cubicBezTo>
                  <a:cubicBezTo>
                    <a:pt x="214" y="67"/>
                    <a:pt x="214" y="65"/>
                    <a:pt x="212" y="65"/>
                  </a:cubicBezTo>
                  <a:cubicBezTo>
                    <a:pt x="211" y="65"/>
                    <a:pt x="212" y="66"/>
                    <a:pt x="210" y="66"/>
                  </a:cubicBezTo>
                  <a:cubicBezTo>
                    <a:pt x="209" y="66"/>
                    <a:pt x="208" y="64"/>
                    <a:pt x="206" y="65"/>
                  </a:cubicBezTo>
                  <a:cubicBezTo>
                    <a:pt x="206" y="64"/>
                    <a:pt x="206" y="63"/>
                    <a:pt x="205" y="63"/>
                  </a:cubicBezTo>
                  <a:cubicBezTo>
                    <a:pt x="205" y="64"/>
                    <a:pt x="205" y="65"/>
                    <a:pt x="204" y="66"/>
                  </a:cubicBezTo>
                  <a:cubicBezTo>
                    <a:pt x="204" y="67"/>
                    <a:pt x="206" y="67"/>
                    <a:pt x="206" y="68"/>
                  </a:cubicBezTo>
                  <a:cubicBezTo>
                    <a:pt x="203" y="67"/>
                    <a:pt x="203" y="69"/>
                    <a:pt x="202" y="70"/>
                  </a:cubicBezTo>
                  <a:cubicBezTo>
                    <a:pt x="201" y="71"/>
                    <a:pt x="199" y="70"/>
                    <a:pt x="199" y="72"/>
                  </a:cubicBezTo>
                  <a:cubicBezTo>
                    <a:pt x="199" y="74"/>
                    <a:pt x="194" y="71"/>
                    <a:pt x="196" y="75"/>
                  </a:cubicBezTo>
                  <a:lnTo>
                    <a:pt x="202" y="75"/>
                  </a:lnTo>
                  <a:close/>
                  <a:moveTo>
                    <a:pt x="271" y="112"/>
                  </a:moveTo>
                  <a:cubicBezTo>
                    <a:pt x="270" y="112"/>
                    <a:pt x="271" y="113"/>
                    <a:pt x="270" y="113"/>
                  </a:cubicBezTo>
                  <a:cubicBezTo>
                    <a:pt x="270" y="113"/>
                    <a:pt x="268" y="113"/>
                    <a:pt x="267" y="114"/>
                  </a:cubicBezTo>
                  <a:cubicBezTo>
                    <a:pt x="267" y="115"/>
                    <a:pt x="268" y="117"/>
                    <a:pt x="266" y="117"/>
                  </a:cubicBezTo>
                  <a:cubicBezTo>
                    <a:pt x="266" y="116"/>
                    <a:pt x="267" y="115"/>
                    <a:pt x="265" y="115"/>
                  </a:cubicBezTo>
                  <a:cubicBezTo>
                    <a:pt x="265" y="118"/>
                    <a:pt x="265" y="118"/>
                    <a:pt x="265" y="118"/>
                  </a:cubicBezTo>
                  <a:cubicBezTo>
                    <a:pt x="270" y="118"/>
                    <a:pt x="270" y="118"/>
                    <a:pt x="270" y="118"/>
                  </a:cubicBezTo>
                  <a:cubicBezTo>
                    <a:pt x="269" y="120"/>
                    <a:pt x="272" y="121"/>
                    <a:pt x="272" y="122"/>
                  </a:cubicBezTo>
                  <a:cubicBezTo>
                    <a:pt x="273" y="125"/>
                    <a:pt x="274" y="124"/>
                    <a:pt x="275" y="126"/>
                  </a:cubicBezTo>
                  <a:cubicBezTo>
                    <a:pt x="274" y="126"/>
                    <a:pt x="273" y="126"/>
                    <a:pt x="273" y="128"/>
                  </a:cubicBezTo>
                  <a:cubicBezTo>
                    <a:pt x="273" y="129"/>
                    <a:pt x="274" y="129"/>
                    <a:pt x="274" y="131"/>
                  </a:cubicBezTo>
                  <a:cubicBezTo>
                    <a:pt x="278" y="131"/>
                    <a:pt x="278" y="131"/>
                    <a:pt x="278" y="131"/>
                  </a:cubicBezTo>
                  <a:cubicBezTo>
                    <a:pt x="279" y="130"/>
                    <a:pt x="279" y="127"/>
                    <a:pt x="279" y="125"/>
                  </a:cubicBezTo>
                  <a:cubicBezTo>
                    <a:pt x="278" y="125"/>
                    <a:pt x="277" y="124"/>
                    <a:pt x="276" y="123"/>
                  </a:cubicBezTo>
                  <a:cubicBezTo>
                    <a:pt x="278" y="118"/>
                    <a:pt x="276" y="121"/>
                    <a:pt x="275" y="119"/>
                  </a:cubicBezTo>
                  <a:cubicBezTo>
                    <a:pt x="274" y="118"/>
                    <a:pt x="274" y="114"/>
                    <a:pt x="273" y="112"/>
                  </a:cubicBezTo>
                  <a:cubicBezTo>
                    <a:pt x="272" y="112"/>
                    <a:pt x="272" y="112"/>
                    <a:pt x="271" y="112"/>
                  </a:cubicBezTo>
                  <a:moveTo>
                    <a:pt x="308" y="141"/>
                  </a:moveTo>
                  <a:cubicBezTo>
                    <a:pt x="305" y="140"/>
                    <a:pt x="306" y="143"/>
                    <a:pt x="305" y="143"/>
                  </a:cubicBezTo>
                  <a:cubicBezTo>
                    <a:pt x="304" y="143"/>
                    <a:pt x="304" y="142"/>
                    <a:pt x="303" y="142"/>
                  </a:cubicBezTo>
                  <a:cubicBezTo>
                    <a:pt x="303" y="146"/>
                    <a:pt x="299" y="144"/>
                    <a:pt x="298" y="145"/>
                  </a:cubicBezTo>
                  <a:cubicBezTo>
                    <a:pt x="297" y="146"/>
                    <a:pt x="298" y="146"/>
                    <a:pt x="297" y="147"/>
                  </a:cubicBezTo>
                  <a:cubicBezTo>
                    <a:pt x="296" y="147"/>
                    <a:pt x="295" y="147"/>
                    <a:pt x="295" y="148"/>
                  </a:cubicBezTo>
                  <a:cubicBezTo>
                    <a:pt x="297" y="148"/>
                    <a:pt x="295" y="149"/>
                    <a:pt x="295" y="151"/>
                  </a:cubicBezTo>
                  <a:cubicBezTo>
                    <a:pt x="297" y="153"/>
                    <a:pt x="297" y="149"/>
                    <a:pt x="299" y="149"/>
                  </a:cubicBezTo>
                  <a:cubicBezTo>
                    <a:pt x="301" y="148"/>
                    <a:pt x="303" y="149"/>
                    <a:pt x="305" y="149"/>
                  </a:cubicBezTo>
                  <a:cubicBezTo>
                    <a:pt x="306" y="149"/>
                    <a:pt x="306" y="148"/>
                    <a:pt x="307" y="148"/>
                  </a:cubicBezTo>
                  <a:cubicBezTo>
                    <a:pt x="310" y="148"/>
                    <a:pt x="312" y="149"/>
                    <a:pt x="313" y="150"/>
                  </a:cubicBezTo>
                  <a:cubicBezTo>
                    <a:pt x="312" y="150"/>
                    <a:pt x="311" y="150"/>
                    <a:pt x="311" y="151"/>
                  </a:cubicBezTo>
                  <a:cubicBezTo>
                    <a:pt x="312" y="150"/>
                    <a:pt x="312" y="152"/>
                    <a:pt x="312" y="152"/>
                  </a:cubicBezTo>
                  <a:cubicBezTo>
                    <a:pt x="313" y="152"/>
                    <a:pt x="313" y="151"/>
                    <a:pt x="313" y="151"/>
                  </a:cubicBezTo>
                  <a:cubicBezTo>
                    <a:pt x="317" y="151"/>
                    <a:pt x="315" y="151"/>
                    <a:pt x="318" y="150"/>
                  </a:cubicBezTo>
                  <a:cubicBezTo>
                    <a:pt x="321" y="148"/>
                    <a:pt x="323" y="151"/>
                    <a:pt x="325" y="149"/>
                  </a:cubicBezTo>
                  <a:cubicBezTo>
                    <a:pt x="322" y="149"/>
                    <a:pt x="325" y="145"/>
                    <a:pt x="323" y="147"/>
                  </a:cubicBezTo>
                  <a:cubicBezTo>
                    <a:pt x="321" y="149"/>
                    <a:pt x="321" y="143"/>
                    <a:pt x="321" y="143"/>
                  </a:cubicBezTo>
                  <a:cubicBezTo>
                    <a:pt x="320" y="143"/>
                    <a:pt x="318" y="143"/>
                    <a:pt x="319" y="141"/>
                  </a:cubicBezTo>
                  <a:cubicBezTo>
                    <a:pt x="314" y="141"/>
                    <a:pt x="314" y="141"/>
                    <a:pt x="314" y="141"/>
                  </a:cubicBezTo>
                  <a:cubicBezTo>
                    <a:pt x="315" y="140"/>
                    <a:pt x="315" y="140"/>
                    <a:pt x="314" y="138"/>
                  </a:cubicBezTo>
                  <a:cubicBezTo>
                    <a:pt x="311" y="140"/>
                    <a:pt x="312" y="139"/>
                    <a:pt x="308" y="138"/>
                  </a:cubicBezTo>
                  <a:cubicBezTo>
                    <a:pt x="308" y="140"/>
                    <a:pt x="307" y="140"/>
                    <a:pt x="308" y="141"/>
                  </a:cubicBezTo>
                  <a:moveTo>
                    <a:pt x="334" y="165"/>
                  </a:moveTo>
                  <a:cubicBezTo>
                    <a:pt x="334" y="165"/>
                    <a:pt x="333" y="165"/>
                    <a:pt x="333" y="164"/>
                  </a:cubicBezTo>
                  <a:cubicBezTo>
                    <a:pt x="337" y="165"/>
                    <a:pt x="333" y="158"/>
                    <a:pt x="337" y="159"/>
                  </a:cubicBezTo>
                  <a:cubicBezTo>
                    <a:pt x="339" y="161"/>
                    <a:pt x="340" y="158"/>
                    <a:pt x="343" y="159"/>
                  </a:cubicBezTo>
                  <a:cubicBezTo>
                    <a:pt x="341" y="153"/>
                    <a:pt x="334" y="152"/>
                    <a:pt x="328" y="153"/>
                  </a:cubicBezTo>
                  <a:cubicBezTo>
                    <a:pt x="328" y="153"/>
                    <a:pt x="327" y="152"/>
                    <a:pt x="328" y="151"/>
                  </a:cubicBezTo>
                  <a:cubicBezTo>
                    <a:pt x="325" y="150"/>
                    <a:pt x="325" y="153"/>
                    <a:pt x="323" y="153"/>
                  </a:cubicBezTo>
                  <a:cubicBezTo>
                    <a:pt x="322" y="153"/>
                    <a:pt x="321" y="151"/>
                    <a:pt x="320" y="152"/>
                  </a:cubicBezTo>
                  <a:cubicBezTo>
                    <a:pt x="319" y="152"/>
                    <a:pt x="318" y="153"/>
                    <a:pt x="317" y="154"/>
                  </a:cubicBezTo>
                  <a:cubicBezTo>
                    <a:pt x="316" y="154"/>
                    <a:pt x="315" y="154"/>
                    <a:pt x="313" y="155"/>
                  </a:cubicBezTo>
                  <a:cubicBezTo>
                    <a:pt x="313" y="156"/>
                    <a:pt x="312" y="157"/>
                    <a:pt x="311" y="158"/>
                  </a:cubicBezTo>
                  <a:cubicBezTo>
                    <a:pt x="312" y="165"/>
                    <a:pt x="310" y="166"/>
                    <a:pt x="310" y="174"/>
                  </a:cubicBezTo>
                  <a:cubicBezTo>
                    <a:pt x="314" y="175"/>
                    <a:pt x="312" y="171"/>
                    <a:pt x="315" y="172"/>
                  </a:cubicBezTo>
                  <a:cubicBezTo>
                    <a:pt x="315" y="170"/>
                    <a:pt x="315" y="169"/>
                    <a:pt x="316" y="168"/>
                  </a:cubicBezTo>
                  <a:cubicBezTo>
                    <a:pt x="318" y="166"/>
                    <a:pt x="316" y="163"/>
                    <a:pt x="317" y="160"/>
                  </a:cubicBezTo>
                  <a:cubicBezTo>
                    <a:pt x="317" y="160"/>
                    <a:pt x="319" y="159"/>
                    <a:pt x="319" y="159"/>
                  </a:cubicBezTo>
                  <a:cubicBezTo>
                    <a:pt x="319" y="158"/>
                    <a:pt x="319" y="156"/>
                    <a:pt x="320" y="156"/>
                  </a:cubicBezTo>
                  <a:cubicBezTo>
                    <a:pt x="322" y="156"/>
                    <a:pt x="323" y="155"/>
                    <a:pt x="324" y="155"/>
                  </a:cubicBezTo>
                  <a:cubicBezTo>
                    <a:pt x="322" y="158"/>
                    <a:pt x="327" y="155"/>
                    <a:pt x="327" y="158"/>
                  </a:cubicBezTo>
                  <a:cubicBezTo>
                    <a:pt x="327" y="161"/>
                    <a:pt x="327" y="159"/>
                    <a:pt x="327" y="162"/>
                  </a:cubicBezTo>
                  <a:cubicBezTo>
                    <a:pt x="327" y="163"/>
                    <a:pt x="328" y="162"/>
                    <a:pt x="328" y="163"/>
                  </a:cubicBezTo>
                  <a:cubicBezTo>
                    <a:pt x="328" y="164"/>
                    <a:pt x="327" y="163"/>
                    <a:pt x="327" y="164"/>
                  </a:cubicBezTo>
                  <a:cubicBezTo>
                    <a:pt x="330" y="163"/>
                    <a:pt x="333" y="167"/>
                    <a:pt x="334" y="165"/>
                  </a:cubicBezTo>
                  <a:moveTo>
                    <a:pt x="351" y="161"/>
                  </a:moveTo>
                  <a:cubicBezTo>
                    <a:pt x="351" y="161"/>
                    <a:pt x="351" y="163"/>
                    <a:pt x="351" y="163"/>
                  </a:cubicBezTo>
                  <a:cubicBezTo>
                    <a:pt x="350" y="165"/>
                    <a:pt x="346" y="161"/>
                    <a:pt x="344" y="162"/>
                  </a:cubicBezTo>
                  <a:cubicBezTo>
                    <a:pt x="344" y="164"/>
                    <a:pt x="342" y="164"/>
                    <a:pt x="342" y="165"/>
                  </a:cubicBezTo>
                  <a:cubicBezTo>
                    <a:pt x="344" y="168"/>
                    <a:pt x="345" y="166"/>
                    <a:pt x="348" y="166"/>
                  </a:cubicBezTo>
                  <a:cubicBezTo>
                    <a:pt x="350" y="166"/>
                    <a:pt x="353" y="167"/>
                    <a:pt x="354" y="165"/>
                  </a:cubicBezTo>
                  <a:cubicBezTo>
                    <a:pt x="354" y="165"/>
                    <a:pt x="353" y="164"/>
                    <a:pt x="354" y="164"/>
                  </a:cubicBezTo>
                  <a:cubicBezTo>
                    <a:pt x="355" y="164"/>
                    <a:pt x="356" y="164"/>
                    <a:pt x="356" y="163"/>
                  </a:cubicBezTo>
                  <a:cubicBezTo>
                    <a:pt x="354" y="163"/>
                    <a:pt x="353" y="161"/>
                    <a:pt x="351" y="161"/>
                  </a:cubicBezTo>
                  <a:moveTo>
                    <a:pt x="338" y="169"/>
                  </a:moveTo>
                  <a:cubicBezTo>
                    <a:pt x="338" y="169"/>
                    <a:pt x="337" y="167"/>
                    <a:pt x="336" y="168"/>
                  </a:cubicBezTo>
                  <a:cubicBezTo>
                    <a:pt x="336" y="168"/>
                    <a:pt x="336" y="170"/>
                    <a:pt x="336" y="170"/>
                  </a:cubicBezTo>
                  <a:cubicBezTo>
                    <a:pt x="331" y="170"/>
                    <a:pt x="331" y="170"/>
                    <a:pt x="331" y="170"/>
                  </a:cubicBezTo>
                  <a:cubicBezTo>
                    <a:pt x="333" y="173"/>
                    <a:pt x="328" y="171"/>
                    <a:pt x="328" y="173"/>
                  </a:cubicBezTo>
                  <a:cubicBezTo>
                    <a:pt x="331" y="173"/>
                    <a:pt x="331" y="173"/>
                    <a:pt x="331" y="173"/>
                  </a:cubicBezTo>
                  <a:cubicBezTo>
                    <a:pt x="331" y="174"/>
                    <a:pt x="331" y="174"/>
                    <a:pt x="330" y="175"/>
                  </a:cubicBezTo>
                  <a:cubicBezTo>
                    <a:pt x="333" y="175"/>
                    <a:pt x="332" y="173"/>
                    <a:pt x="334" y="173"/>
                  </a:cubicBezTo>
                  <a:cubicBezTo>
                    <a:pt x="335" y="174"/>
                    <a:pt x="337" y="174"/>
                    <a:pt x="339" y="174"/>
                  </a:cubicBezTo>
                  <a:cubicBezTo>
                    <a:pt x="339" y="170"/>
                    <a:pt x="345" y="173"/>
                    <a:pt x="344" y="168"/>
                  </a:cubicBezTo>
                  <a:cubicBezTo>
                    <a:pt x="341" y="167"/>
                    <a:pt x="339" y="169"/>
                    <a:pt x="338" y="169"/>
                  </a:cubicBezTo>
                </a:path>
              </a:pathLst>
            </a:cu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sp>
          <p:nvSpPr>
            <p:cNvPr id="10" name="Freeform 13"/>
            <p:cNvSpPr/>
            <p:nvPr/>
          </p:nvSpPr>
          <p:spPr bwMode="auto">
            <a:xfrm>
              <a:off x="6230938" y="3154363"/>
              <a:ext cx="166688" cy="196850"/>
            </a:xfrm>
            <a:custGeom>
              <a:gdLst>
                <a:gd fmla="*/ 30 w 38" name="T0"/>
                <a:gd fmla="*/ 3 h 45" name="T1"/>
                <a:gd fmla="*/ 34 w 38" name="T2"/>
                <a:gd fmla="*/ 5 h 45" name="T3"/>
                <a:gd fmla="*/ 38 w 38" name="T4"/>
                <a:gd fmla="*/ 8 h 45" name="T5"/>
                <a:gd fmla="*/ 34 w 38" name="T6"/>
                <a:gd fmla="*/ 12 h 45" name="T7"/>
                <a:gd fmla="*/ 33 w 38" name="T8"/>
                <a:gd fmla="*/ 18 h 45" name="T9"/>
                <a:gd fmla="*/ 35 w 38" name="T10"/>
                <a:gd fmla="*/ 20 h 45" name="T11"/>
                <a:gd fmla="*/ 35 w 38" name="T12"/>
                <a:gd fmla="*/ 23 h 45" name="T13"/>
                <a:gd fmla="*/ 37 w 38" name="T14"/>
                <a:gd fmla="*/ 25 h 45" name="T15"/>
                <a:gd fmla="*/ 32 w 38" name="T16"/>
                <a:gd fmla="*/ 28 h 45" name="T17"/>
                <a:gd fmla="*/ 31 w 38" name="T18"/>
                <a:gd fmla="*/ 32 h 45" name="T19"/>
                <a:gd fmla="*/ 31 w 38" name="T20"/>
                <a:gd fmla="*/ 34 h 45" name="T21"/>
                <a:gd fmla="*/ 29 w 38" name="T22"/>
                <a:gd fmla="*/ 34 h 45" name="T23"/>
                <a:gd fmla="*/ 27 w 38" name="T24"/>
                <a:gd fmla="*/ 38 h 45" name="T25"/>
                <a:gd fmla="*/ 27 w 38" name="T26"/>
                <a:gd fmla="*/ 44 h 45" name="T27"/>
                <a:gd fmla="*/ 17 w 38" name="T28"/>
                <a:gd fmla="*/ 41 h 45" name="T29"/>
                <a:gd fmla="*/ 16 w 38" name="T30"/>
                <a:gd fmla="*/ 43 h 45" name="T31"/>
                <a:gd fmla="*/ 13 w 38" name="T32"/>
                <a:gd fmla="*/ 41 h 45" name="T33"/>
                <a:gd fmla="*/ 8 w 38" name="T34"/>
                <a:gd fmla="*/ 41 h 45" name="T35"/>
                <a:gd fmla="*/ 6 w 38" name="T36"/>
                <a:gd fmla="*/ 40 h 45" name="T37"/>
                <a:gd fmla="*/ 2 w 38" name="T38"/>
                <a:gd fmla="*/ 34 h 45" name="T39"/>
                <a:gd fmla="*/ 3 w 38" name="T40"/>
                <a:gd fmla="*/ 31 h 45" name="T41"/>
                <a:gd fmla="*/ 2 w 38" name="T42"/>
                <a:gd fmla="*/ 31 h 45" name="T43"/>
                <a:gd fmla="*/ 1 w 38" name="T44"/>
                <a:gd fmla="*/ 23 h 45" name="T45"/>
                <a:gd fmla="*/ 10 w 38" name="T46"/>
                <a:gd fmla="*/ 22 h 45" name="T47"/>
                <a:gd fmla="*/ 10 w 38" name="T48"/>
                <a:gd fmla="*/ 19 h 45" name="T49"/>
                <a:gd fmla="*/ 17 w 38" name="T50"/>
                <a:gd fmla="*/ 14 h 45" name="T51"/>
                <a:gd fmla="*/ 23 w 38" name="T52"/>
                <a:gd fmla="*/ 12 h 45" name="T53"/>
                <a:gd fmla="*/ 24 w 38" name="T54"/>
                <a:gd fmla="*/ 10 h 45" name="T55"/>
                <a:gd fmla="*/ 26 w 38" name="T56"/>
                <a:gd fmla="*/ 10 h 45" name="T57"/>
                <a:gd fmla="*/ 27 w 38" name="T58"/>
                <a:gd fmla="*/ 8 h 45" name="T59"/>
                <a:gd fmla="*/ 31 w 38" name="T60"/>
                <a:gd fmla="*/ 3 h 45" name="T61"/>
                <a:gd fmla="*/ 30 w 38" name="T62"/>
                <a:gd fmla="*/ 3 h 45" name="T6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b="b" l="0" r="r" t="0"/>
              <a:pathLst>
                <a:path h="45" w="38">
                  <a:moveTo>
                    <a:pt x="30" y="3"/>
                  </a:moveTo>
                  <a:cubicBezTo>
                    <a:pt x="31" y="0"/>
                    <a:pt x="32" y="5"/>
                    <a:pt x="34" y="5"/>
                  </a:cubicBezTo>
                  <a:cubicBezTo>
                    <a:pt x="35" y="6"/>
                    <a:pt x="36" y="7"/>
                    <a:pt x="38" y="8"/>
                  </a:cubicBezTo>
                  <a:cubicBezTo>
                    <a:pt x="37" y="10"/>
                    <a:pt x="37" y="13"/>
                    <a:pt x="34" y="12"/>
                  </a:cubicBezTo>
                  <a:cubicBezTo>
                    <a:pt x="34" y="14"/>
                    <a:pt x="35" y="18"/>
                    <a:pt x="33" y="18"/>
                  </a:cubicBezTo>
                  <a:cubicBezTo>
                    <a:pt x="33" y="19"/>
                    <a:pt x="35" y="19"/>
                    <a:pt x="35" y="20"/>
                  </a:cubicBezTo>
                  <a:cubicBezTo>
                    <a:pt x="35" y="21"/>
                    <a:pt x="35" y="22"/>
                    <a:pt x="35" y="23"/>
                  </a:cubicBezTo>
                  <a:cubicBezTo>
                    <a:pt x="36" y="24"/>
                    <a:pt x="37" y="24"/>
                    <a:pt x="37" y="25"/>
                  </a:cubicBezTo>
                  <a:cubicBezTo>
                    <a:pt x="37" y="27"/>
                    <a:pt x="34" y="29"/>
                    <a:pt x="32" y="28"/>
                  </a:cubicBezTo>
                  <a:cubicBezTo>
                    <a:pt x="33" y="30"/>
                    <a:pt x="34" y="30"/>
                    <a:pt x="31" y="32"/>
                  </a:cubicBezTo>
                  <a:cubicBezTo>
                    <a:pt x="31" y="33"/>
                    <a:pt x="32" y="34"/>
                    <a:pt x="31" y="34"/>
                  </a:cubicBezTo>
                  <a:cubicBezTo>
                    <a:pt x="31" y="35"/>
                    <a:pt x="30" y="34"/>
                    <a:pt x="29" y="34"/>
                  </a:cubicBezTo>
                  <a:cubicBezTo>
                    <a:pt x="28" y="36"/>
                    <a:pt x="29" y="39"/>
                    <a:pt x="27" y="38"/>
                  </a:cubicBezTo>
                  <a:cubicBezTo>
                    <a:pt x="28" y="40"/>
                    <a:pt x="26" y="41"/>
                    <a:pt x="27" y="44"/>
                  </a:cubicBezTo>
                  <a:cubicBezTo>
                    <a:pt x="22" y="45"/>
                    <a:pt x="20" y="42"/>
                    <a:pt x="17" y="41"/>
                  </a:cubicBezTo>
                  <a:cubicBezTo>
                    <a:pt x="16" y="41"/>
                    <a:pt x="16" y="42"/>
                    <a:pt x="16" y="43"/>
                  </a:cubicBezTo>
                  <a:cubicBezTo>
                    <a:pt x="14" y="44"/>
                    <a:pt x="14" y="41"/>
                    <a:pt x="13" y="41"/>
                  </a:cubicBezTo>
                  <a:cubicBezTo>
                    <a:pt x="12" y="41"/>
                    <a:pt x="10" y="42"/>
                    <a:pt x="8" y="41"/>
                  </a:cubicBezTo>
                  <a:cubicBezTo>
                    <a:pt x="8" y="41"/>
                    <a:pt x="9" y="38"/>
                    <a:pt x="6" y="40"/>
                  </a:cubicBezTo>
                  <a:cubicBezTo>
                    <a:pt x="5" y="38"/>
                    <a:pt x="5" y="35"/>
                    <a:pt x="2" y="34"/>
                  </a:cubicBezTo>
                  <a:cubicBezTo>
                    <a:pt x="2" y="33"/>
                    <a:pt x="3" y="32"/>
                    <a:pt x="3" y="31"/>
                  </a:cubicBezTo>
                  <a:cubicBezTo>
                    <a:pt x="3" y="29"/>
                    <a:pt x="1" y="30"/>
                    <a:pt x="2" y="31"/>
                  </a:cubicBezTo>
                  <a:cubicBezTo>
                    <a:pt x="0" y="29"/>
                    <a:pt x="1" y="26"/>
                    <a:pt x="1" y="23"/>
                  </a:cubicBezTo>
                  <a:cubicBezTo>
                    <a:pt x="4" y="23"/>
                    <a:pt x="8" y="23"/>
                    <a:pt x="10" y="22"/>
                  </a:cubicBezTo>
                  <a:cubicBezTo>
                    <a:pt x="10" y="20"/>
                    <a:pt x="12" y="19"/>
                    <a:pt x="10" y="19"/>
                  </a:cubicBezTo>
                  <a:cubicBezTo>
                    <a:pt x="11" y="18"/>
                    <a:pt x="19" y="16"/>
                    <a:pt x="17" y="14"/>
                  </a:cubicBezTo>
                  <a:cubicBezTo>
                    <a:pt x="18" y="13"/>
                    <a:pt x="20" y="12"/>
                    <a:pt x="23" y="12"/>
                  </a:cubicBezTo>
                  <a:cubicBezTo>
                    <a:pt x="24" y="12"/>
                    <a:pt x="23" y="10"/>
                    <a:pt x="24" y="10"/>
                  </a:cubicBezTo>
                  <a:cubicBezTo>
                    <a:pt x="24" y="9"/>
                    <a:pt x="25" y="10"/>
                    <a:pt x="26" y="10"/>
                  </a:cubicBezTo>
                  <a:cubicBezTo>
                    <a:pt x="26" y="9"/>
                    <a:pt x="26" y="7"/>
                    <a:pt x="27" y="8"/>
                  </a:cubicBezTo>
                  <a:cubicBezTo>
                    <a:pt x="26" y="3"/>
                    <a:pt x="30" y="5"/>
                    <a:pt x="31" y="3"/>
                  </a:cubicBezTo>
                  <a:lnTo>
                    <a:pt x="30" y="3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1" name="Freeform 14"/>
            <p:cNvSpPr/>
            <p:nvPr/>
          </p:nvSpPr>
          <p:spPr bwMode="auto">
            <a:xfrm>
              <a:off x="5113338" y="3482975"/>
              <a:ext cx="127000" cy="236537"/>
            </a:xfrm>
            <a:custGeom>
              <a:gdLst>
                <a:gd fmla="*/ 22 w 29" name="T0"/>
                <a:gd fmla="*/ 0 h 54" name="T1"/>
                <a:gd fmla="*/ 26 w 29" name="T2"/>
                <a:gd fmla="*/ 1 h 54" name="T3"/>
                <a:gd fmla="*/ 24 w 29" name="T4"/>
                <a:gd fmla="*/ 19 h 54" name="T5"/>
                <a:gd fmla="*/ 22 w 29" name="T6"/>
                <a:gd fmla="*/ 30 h 54" name="T7"/>
                <a:gd fmla="*/ 19 w 29" name="T8"/>
                <a:gd fmla="*/ 35 h 54" name="T9"/>
                <a:gd fmla="*/ 18 w 29" name="T10"/>
                <a:gd fmla="*/ 40 h 54" name="T11"/>
                <a:gd fmla="*/ 18 w 29" name="T12"/>
                <a:gd fmla="*/ 42 h 54" name="T13"/>
                <a:gd fmla="*/ 16 w 29" name="T14"/>
                <a:gd fmla="*/ 43 h 54" name="T15"/>
                <a:gd fmla="*/ 15 w 29" name="T16"/>
                <a:gd fmla="*/ 49 h 54" name="T17"/>
                <a:gd fmla="*/ 14 w 29" name="T18"/>
                <a:gd fmla="*/ 50 h 54" name="T19"/>
                <a:gd fmla="*/ 13 w 29" name="T20"/>
                <a:gd fmla="*/ 53 h 54" name="T21"/>
                <a:gd fmla="*/ 4 w 29" name="T22"/>
                <a:gd fmla="*/ 54 h 54" name="T23"/>
                <a:gd fmla="*/ 3 w 29" name="T24"/>
                <a:gd fmla="*/ 49 h 54" name="T25"/>
                <a:gd fmla="*/ 2 w 29" name="T26"/>
                <a:gd fmla="*/ 47 h 54" name="T27"/>
                <a:gd fmla="*/ 0 w 29" name="T28"/>
                <a:gd fmla="*/ 46 h 54" name="T29"/>
                <a:gd fmla="*/ 0 w 29" name="T30"/>
                <a:gd fmla="*/ 42 h 54" name="T31"/>
                <a:gd fmla="*/ 1 w 29" name="T32"/>
                <a:gd fmla="*/ 41 h 54" name="T33"/>
                <a:gd fmla="*/ 0 w 29" name="T34"/>
                <a:gd fmla="*/ 40 h 54" name="T35"/>
                <a:gd fmla="*/ 2 w 29" name="T36"/>
                <a:gd fmla="*/ 37 h 54" name="T37"/>
                <a:gd fmla="*/ 2 w 29" name="T38"/>
                <a:gd fmla="*/ 35 h 54" name="T39"/>
                <a:gd fmla="*/ 4 w 29" name="T40"/>
                <a:gd fmla="*/ 34 h 54" name="T41"/>
                <a:gd fmla="*/ 6 w 29" name="T42"/>
                <a:gd fmla="*/ 29 h 54" name="T43"/>
                <a:gd fmla="*/ 4 w 29" name="T44"/>
                <a:gd fmla="*/ 26 h 54" name="T45"/>
                <a:gd fmla="*/ 4 w 29" name="T46"/>
                <a:gd fmla="*/ 20 h 54" name="T47"/>
                <a:gd fmla="*/ 6 w 29" name="T48"/>
                <a:gd fmla="*/ 19 h 54" name="T49"/>
                <a:gd fmla="*/ 9 w 29" name="T50"/>
                <a:gd fmla="*/ 17 h 54" name="T51"/>
                <a:gd fmla="*/ 13 w 29" name="T52"/>
                <a:gd fmla="*/ 13 h 54" name="T53"/>
                <a:gd fmla="*/ 16 w 29" name="T54"/>
                <a:gd fmla="*/ 14 h 54" name="T55"/>
                <a:gd fmla="*/ 17 w 29" name="T56"/>
                <a:gd fmla="*/ 8 h 54" name="T57"/>
                <a:gd fmla="*/ 20 w 29" name="T58"/>
                <a:gd fmla="*/ 7 h 54" name="T59"/>
                <a:gd fmla="*/ 22 w 29" name="T60"/>
                <a:gd fmla="*/ 0 h 54" name="T6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b="b" l="0" r="r" t="0"/>
              <a:pathLst>
                <a:path h="54" w="28">
                  <a:moveTo>
                    <a:pt x="22" y="0"/>
                  </a:moveTo>
                  <a:cubicBezTo>
                    <a:pt x="23" y="1"/>
                    <a:pt x="24" y="1"/>
                    <a:pt x="26" y="1"/>
                  </a:cubicBezTo>
                  <a:cubicBezTo>
                    <a:pt x="24" y="6"/>
                    <a:pt x="29" y="15"/>
                    <a:pt x="24" y="19"/>
                  </a:cubicBezTo>
                  <a:cubicBezTo>
                    <a:pt x="24" y="23"/>
                    <a:pt x="23" y="26"/>
                    <a:pt x="22" y="30"/>
                  </a:cubicBezTo>
                  <a:cubicBezTo>
                    <a:pt x="21" y="32"/>
                    <a:pt x="21" y="34"/>
                    <a:pt x="19" y="35"/>
                  </a:cubicBezTo>
                  <a:cubicBezTo>
                    <a:pt x="20" y="37"/>
                    <a:pt x="18" y="39"/>
                    <a:pt x="18" y="40"/>
                  </a:cubicBezTo>
                  <a:cubicBezTo>
                    <a:pt x="18" y="41"/>
                    <a:pt x="18" y="42"/>
                    <a:pt x="18" y="42"/>
                  </a:cubicBezTo>
                  <a:cubicBezTo>
                    <a:pt x="18" y="43"/>
                    <a:pt x="16" y="43"/>
                    <a:pt x="16" y="43"/>
                  </a:cubicBezTo>
                  <a:cubicBezTo>
                    <a:pt x="16" y="45"/>
                    <a:pt x="16" y="47"/>
                    <a:pt x="15" y="49"/>
                  </a:cubicBezTo>
                  <a:cubicBezTo>
                    <a:pt x="15" y="49"/>
                    <a:pt x="14" y="49"/>
                    <a:pt x="14" y="50"/>
                  </a:cubicBezTo>
                  <a:cubicBezTo>
                    <a:pt x="14" y="51"/>
                    <a:pt x="13" y="52"/>
                    <a:pt x="13" y="53"/>
                  </a:cubicBezTo>
                  <a:cubicBezTo>
                    <a:pt x="11" y="54"/>
                    <a:pt x="7" y="54"/>
                    <a:pt x="4" y="54"/>
                  </a:cubicBezTo>
                  <a:cubicBezTo>
                    <a:pt x="4" y="52"/>
                    <a:pt x="2" y="52"/>
                    <a:pt x="3" y="49"/>
                  </a:cubicBezTo>
                  <a:cubicBezTo>
                    <a:pt x="2" y="49"/>
                    <a:pt x="2" y="48"/>
                    <a:pt x="2" y="47"/>
                  </a:cubicBezTo>
                  <a:cubicBezTo>
                    <a:pt x="1" y="47"/>
                    <a:pt x="0" y="47"/>
                    <a:pt x="0" y="46"/>
                  </a:cubicBezTo>
                  <a:cubicBezTo>
                    <a:pt x="0" y="45"/>
                    <a:pt x="0" y="44"/>
                    <a:pt x="0" y="42"/>
                  </a:cubicBezTo>
                  <a:cubicBezTo>
                    <a:pt x="0" y="41"/>
                    <a:pt x="1" y="42"/>
                    <a:pt x="1" y="41"/>
                  </a:cubicBezTo>
                  <a:cubicBezTo>
                    <a:pt x="1" y="41"/>
                    <a:pt x="0" y="40"/>
                    <a:pt x="0" y="40"/>
                  </a:cubicBezTo>
                  <a:cubicBezTo>
                    <a:pt x="0" y="39"/>
                    <a:pt x="1" y="38"/>
                    <a:pt x="2" y="37"/>
                  </a:cubicBezTo>
                  <a:cubicBezTo>
                    <a:pt x="2" y="36"/>
                    <a:pt x="2" y="35"/>
                    <a:pt x="2" y="35"/>
                  </a:cubicBezTo>
                  <a:cubicBezTo>
                    <a:pt x="2" y="35"/>
                    <a:pt x="4" y="34"/>
                    <a:pt x="4" y="34"/>
                  </a:cubicBezTo>
                  <a:cubicBezTo>
                    <a:pt x="4" y="32"/>
                    <a:pt x="3" y="26"/>
                    <a:pt x="6" y="29"/>
                  </a:cubicBezTo>
                  <a:cubicBezTo>
                    <a:pt x="6" y="27"/>
                    <a:pt x="4" y="28"/>
                    <a:pt x="4" y="26"/>
                  </a:cubicBezTo>
                  <a:cubicBezTo>
                    <a:pt x="4" y="20"/>
                    <a:pt x="4" y="20"/>
                    <a:pt x="4" y="20"/>
                  </a:cubicBezTo>
                  <a:cubicBezTo>
                    <a:pt x="5" y="21"/>
                    <a:pt x="6" y="20"/>
                    <a:pt x="6" y="19"/>
                  </a:cubicBezTo>
                  <a:cubicBezTo>
                    <a:pt x="8" y="19"/>
                    <a:pt x="8" y="17"/>
                    <a:pt x="9" y="17"/>
                  </a:cubicBezTo>
                  <a:cubicBezTo>
                    <a:pt x="10" y="16"/>
                    <a:pt x="14" y="17"/>
                    <a:pt x="13" y="13"/>
                  </a:cubicBezTo>
                  <a:cubicBezTo>
                    <a:pt x="15" y="13"/>
                    <a:pt x="15" y="14"/>
                    <a:pt x="16" y="14"/>
                  </a:cubicBezTo>
                  <a:cubicBezTo>
                    <a:pt x="15" y="11"/>
                    <a:pt x="17" y="10"/>
                    <a:pt x="17" y="8"/>
                  </a:cubicBezTo>
                  <a:cubicBezTo>
                    <a:pt x="20" y="10"/>
                    <a:pt x="19" y="2"/>
                    <a:pt x="20" y="7"/>
                  </a:cubicBezTo>
                  <a:cubicBezTo>
                    <a:pt x="23" y="6"/>
                    <a:pt x="20" y="2"/>
                    <a:pt x="22" y="0"/>
                  </a:cubicBezTo>
                </a:path>
              </a:pathLst>
            </a:custGeom>
            <a:solidFill>
              <a:srgbClr val="729A95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2" name="Freeform 15"/>
            <p:cNvSpPr/>
            <p:nvPr/>
          </p:nvSpPr>
          <p:spPr bwMode="auto">
            <a:xfrm>
              <a:off x="6300788" y="3475038"/>
              <a:ext cx="693738" cy="503237"/>
            </a:xfrm>
            <a:custGeom>
              <a:gdLst>
                <a:gd fmla="*/ 92 w 158" name="T0"/>
                <a:gd fmla="*/ 9 h 115" name="T1"/>
                <a:gd fmla="*/ 88 w 158" name="T2"/>
                <a:gd fmla="*/ 11 h 115" name="T3"/>
                <a:gd fmla="*/ 93 w 158" name="T4"/>
                <a:gd fmla="*/ 17 h 115" name="T5"/>
                <a:gd fmla="*/ 106 w 158" name="T6"/>
                <a:gd fmla="*/ 24 h 115" name="T7"/>
                <a:gd fmla="*/ 110 w 158" name="T8"/>
                <a:gd fmla="*/ 19 h 115" name="T9"/>
                <a:gd fmla="*/ 111 w 158" name="T10"/>
                <a:gd fmla="*/ 15 h 115" name="T11"/>
                <a:gd fmla="*/ 112 w 158" name="T12"/>
                <a:gd fmla="*/ 6 h 115" name="T13"/>
                <a:gd fmla="*/ 115 w 158" name="T14"/>
                <a:gd fmla="*/ 1 h 115" name="T15"/>
                <a:gd fmla="*/ 117 w 158" name="T16"/>
                <a:gd fmla="*/ 5 h 115" name="T17"/>
                <a:gd fmla="*/ 122 w 158" name="T18"/>
                <a:gd fmla="*/ 15 h 115" name="T19"/>
                <a:gd fmla="*/ 127 w 158" name="T20"/>
                <a:gd fmla="*/ 21 h 115" name="T21"/>
                <a:gd fmla="*/ 132 w 158" name="T22"/>
                <a:gd fmla="*/ 28 h 115" name="T23"/>
                <a:gd fmla="*/ 135 w 158" name="T24"/>
                <a:gd fmla="*/ 36 h 115" name="T25"/>
                <a:gd fmla="*/ 137 w 158" name="T26"/>
                <a:gd fmla="*/ 38 h 115" name="T27"/>
                <a:gd fmla="*/ 143 w 158" name="T28"/>
                <a:gd fmla="*/ 42 h 115" name="T29"/>
                <a:gd fmla="*/ 148 w 158" name="T30"/>
                <a:gd fmla="*/ 51 h 115" name="T31"/>
                <a:gd fmla="*/ 150 w 158" name="T32"/>
                <a:gd fmla="*/ 53 h 115" name="T33"/>
                <a:gd fmla="*/ 156 w 158" name="T34"/>
                <a:gd fmla="*/ 57 h 115" name="T35"/>
                <a:gd fmla="*/ 158 w 158" name="T36"/>
                <a:gd fmla="*/ 73 h 115" name="T37"/>
                <a:gd fmla="*/ 155 w 158" name="T38"/>
                <a:gd fmla="*/ 81 h 115" name="T39"/>
                <a:gd fmla="*/ 155 w 158" name="T40"/>
                <a:gd fmla="*/ 84 h 115" name="T41"/>
                <a:gd fmla="*/ 153 w 158" name="T42"/>
                <a:gd fmla="*/ 89 h 115" name="T43"/>
                <a:gd fmla="*/ 147 w 158" name="T44"/>
                <a:gd fmla="*/ 94 h 115" name="T45"/>
                <a:gd fmla="*/ 142 w 158" name="T46"/>
                <a:gd fmla="*/ 108 h 115" name="T47"/>
                <a:gd fmla="*/ 134 w 158" name="T48"/>
                <a:gd fmla="*/ 112 h 115" name="T49"/>
                <a:gd fmla="*/ 130 w 158" name="T50"/>
                <a:gd fmla="*/ 115 h 115" name="T51"/>
                <a:gd fmla="*/ 122 w 158" name="T52"/>
                <a:gd fmla="*/ 113 h 115" name="T53"/>
                <a:gd fmla="*/ 105 w 158" name="T54"/>
                <a:gd fmla="*/ 110 h 115" name="T55"/>
                <a:gd fmla="*/ 104 w 158" name="T56"/>
                <a:gd fmla="*/ 104 h 115" name="T57"/>
                <a:gd fmla="*/ 103 w 158" name="T58"/>
                <a:gd fmla="*/ 102 h 115" name="T59"/>
                <a:gd fmla="*/ 95 w 158" name="T60"/>
                <a:gd fmla="*/ 96 h 115" name="T61"/>
                <a:gd fmla="*/ 92 w 158" name="T62"/>
                <a:gd fmla="*/ 91 h 115" name="T63"/>
                <a:gd fmla="*/ 84 w 158" name="T64"/>
                <a:gd fmla="*/ 88 h 115" name="T65"/>
                <a:gd fmla="*/ 80 w 158" name="T66"/>
                <a:gd fmla="*/ 86 h 115" name="T67"/>
                <a:gd fmla="*/ 62 w 158" name="T68"/>
                <a:gd fmla="*/ 83 h 115" name="T69"/>
                <a:gd fmla="*/ 53 w 158" name="T70"/>
                <a:gd fmla="*/ 85 h 115" name="T71"/>
                <a:gd fmla="*/ 49 w 158" name="T72"/>
                <a:gd fmla="*/ 87 h 115" name="T73"/>
                <a:gd fmla="*/ 46 w 158" name="T74"/>
                <a:gd fmla="*/ 90 h 115" name="T75"/>
                <a:gd fmla="*/ 44 w 158" name="T76"/>
                <a:gd fmla="*/ 90 h 115" name="T77"/>
                <a:gd fmla="*/ 27 w 158" name="T78"/>
                <a:gd fmla="*/ 93 h 115" name="T79"/>
                <a:gd fmla="*/ 24 w 158" name="T80"/>
                <a:gd fmla="*/ 95 h 115" name="T81"/>
                <a:gd fmla="*/ 8 w 158" name="T82"/>
                <a:gd fmla="*/ 98 h 115" name="T83"/>
                <a:gd fmla="*/ 10 w 158" name="T84"/>
                <a:gd fmla="*/ 87 h 115" name="T85"/>
                <a:gd fmla="*/ 8 w 158" name="T86"/>
                <a:gd fmla="*/ 82 h 115" name="T87"/>
                <a:gd fmla="*/ 8 w 158" name="T88"/>
                <a:gd fmla="*/ 78 h 115" name="T89"/>
                <a:gd fmla="*/ 5 w 158" name="T90"/>
                <a:gd fmla="*/ 72 h 115" name="T91"/>
                <a:gd fmla="*/ 4 w 158" name="T92"/>
                <a:gd fmla="*/ 67 h 115" name="T93"/>
                <a:gd fmla="*/ 2 w 158" name="T94"/>
                <a:gd fmla="*/ 62 h 115" name="T95"/>
                <a:gd fmla="*/ 3 w 158" name="T96"/>
                <a:gd fmla="*/ 57 h 115" name="T97"/>
                <a:gd fmla="*/ 3 w 158" name="T98"/>
                <a:gd fmla="*/ 44 h 115" name="T99"/>
                <a:gd fmla="*/ 13 w 158" name="T100"/>
                <a:gd fmla="*/ 38 h 115" name="T101"/>
                <a:gd fmla="*/ 26 w 158" name="T102"/>
                <a:gd fmla="*/ 35 h 115" name="T103"/>
                <a:gd fmla="*/ 32 w 158" name="T104"/>
                <a:gd fmla="*/ 32 h 115" name="T105"/>
                <a:gd fmla="*/ 35 w 158" name="T106"/>
                <a:gd fmla="*/ 21 h 115" name="T107"/>
                <a:gd fmla="*/ 44 w 158" name="T108"/>
                <a:gd fmla="*/ 21 h 115" name="T109"/>
                <a:gd fmla="*/ 46 w 158" name="T110"/>
                <a:gd fmla="*/ 15 h 115" name="T111"/>
                <a:gd fmla="*/ 53 w 158" name="T112"/>
                <a:gd fmla="*/ 10 h 115" name="T113"/>
                <a:gd fmla="*/ 59 w 158" name="T114"/>
                <a:gd fmla="*/ 13 h 115" name="T115"/>
                <a:gd fmla="*/ 61 w 158" name="T116"/>
                <a:gd fmla="*/ 14 h 115" name="T117"/>
                <a:gd fmla="*/ 63 w 158" name="T118"/>
                <a:gd fmla="*/ 12 h 115" name="T119"/>
                <a:gd fmla="*/ 70 w 158" name="T120"/>
                <a:gd fmla="*/ 6 h 115" name="T121"/>
                <a:gd fmla="*/ 74 w 158" name="T122"/>
                <a:gd fmla="*/ 4 h 115" name="T12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b="b" l="0" r="r" t="0"/>
              <a:pathLst>
                <a:path h="115" w="158">
                  <a:moveTo>
                    <a:pt x="92" y="4"/>
                  </a:moveTo>
                  <a:cubicBezTo>
                    <a:pt x="92" y="9"/>
                    <a:pt x="92" y="9"/>
                    <a:pt x="92" y="9"/>
                  </a:cubicBezTo>
                  <a:cubicBezTo>
                    <a:pt x="89" y="9"/>
                    <a:pt x="89" y="9"/>
                    <a:pt x="89" y="9"/>
                  </a:cubicBezTo>
                  <a:cubicBezTo>
                    <a:pt x="90" y="10"/>
                    <a:pt x="90" y="11"/>
                    <a:pt x="88" y="11"/>
                  </a:cubicBezTo>
                  <a:cubicBezTo>
                    <a:pt x="89" y="13"/>
                    <a:pt x="88" y="12"/>
                    <a:pt x="88" y="15"/>
                  </a:cubicBezTo>
                  <a:cubicBezTo>
                    <a:pt x="89" y="16"/>
                    <a:pt x="90" y="17"/>
                    <a:pt x="93" y="17"/>
                  </a:cubicBezTo>
                  <a:cubicBezTo>
                    <a:pt x="93" y="21"/>
                    <a:pt x="99" y="19"/>
                    <a:pt x="99" y="23"/>
                  </a:cubicBezTo>
                  <a:cubicBezTo>
                    <a:pt x="102" y="23"/>
                    <a:pt x="105" y="23"/>
                    <a:pt x="106" y="24"/>
                  </a:cubicBezTo>
                  <a:cubicBezTo>
                    <a:pt x="108" y="24"/>
                    <a:pt x="106" y="20"/>
                    <a:pt x="110" y="21"/>
                  </a:cubicBezTo>
                  <a:cubicBezTo>
                    <a:pt x="109" y="21"/>
                    <a:pt x="108" y="19"/>
                    <a:pt x="110" y="19"/>
                  </a:cubicBezTo>
                  <a:cubicBezTo>
                    <a:pt x="111" y="19"/>
                    <a:pt x="110" y="17"/>
                    <a:pt x="110" y="16"/>
                  </a:cubicBezTo>
                  <a:cubicBezTo>
                    <a:pt x="110" y="16"/>
                    <a:pt x="111" y="15"/>
                    <a:pt x="111" y="15"/>
                  </a:cubicBezTo>
                  <a:cubicBezTo>
                    <a:pt x="111" y="14"/>
                    <a:pt x="112" y="13"/>
                    <a:pt x="112" y="11"/>
                  </a:cubicBezTo>
                  <a:cubicBezTo>
                    <a:pt x="111" y="10"/>
                    <a:pt x="111" y="9"/>
                    <a:pt x="112" y="6"/>
                  </a:cubicBezTo>
                  <a:cubicBezTo>
                    <a:pt x="112" y="6"/>
                    <a:pt x="113" y="6"/>
                    <a:pt x="114" y="6"/>
                  </a:cubicBezTo>
                  <a:cubicBezTo>
                    <a:pt x="115" y="5"/>
                    <a:pt x="114" y="2"/>
                    <a:pt x="115" y="1"/>
                  </a:cubicBezTo>
                  <a:cubicBezTo>
                    <a:pt x="117" y="1"/>
                    <a:pt x="115" y="4"/>
                    <a:pt x="116" y="5"/>
                  </a:cubicBezTo>
                  <a:cubicBezTo>
                    <a:pt x="117" y="5"/>
                    <a:pt x="117" y="5"/>
                    <a:pt x="117" y="5"/>
                  </a:cubicBezTo>
                  <a:cubicBezTo>
                    <a:pt x="118" y="7"/>
                    <a:pt x="119" y="9"/>
                    <a:pt x="119" y="10"/>
                  </a:cubicBezTo>
                  <a:cubicBezTo>
                    <a:pt x="120" y="12"/>
                    <a:pt x="122" y="13"/>
                    <a:pt x="122" y="15"/>
                  </a:cubicBezTo>
                  <a:cubicBezTo>
                    <a:pt x="125" y="12"/>
                    <a:pt x="123" y="16"/>
                    <a:pt x="126" y="16"/>
                  </a:cubicBezTo>
                  <a:cubicBezTo>
                    <a:pt x="126" y="18"/>
                    <a:pt x="126" y="20"/>
                    <a:pt x="127" y="21"/>
                  </a:cubicBezTo>
                  <a:cubicBezTo>
                    <a:pt x="128" y="23"/>
                    <a:pt x="127" y="25"/>
                    <a:pt x="128" y="28"/>
                  </a:cubicBezTo>
                  <a:cubicBezTo>
                    <a:pt x="130" y="25"/>
                    <a:pt x="128" y="28"/>
                    <a:pt x="132" y="28"/>
                  </a:cubicBezTo>
                  <a:cubicBezTo>
                    <a:pt x="132" y="30"/>
                    <a:pt x="131" y="30"/>
                    <a:pt x="131" y="31"/>
                  </a:cubicBezTo>
                  <a:cubicBezTo>
                    <a:pt x="132" y="32"/>
                    <a:pt x="135" y="32"/>
                    <a:pt x="135" y="36"/>
                  </a:cubicBezTo>
                  <a:cubicBezTo>
                    <a:pt x="135" y="36"/>
                    <a:pt x="137" y="35"/>
                    <a:pt x="137" y="36"/>
                  </a:cubicBezTo>
                  <a:cubicBezTo>
                    <a:pt x="138" y="36"/>
                    <a:pt x="137" y="37"/>
                    <a:pt x="137" y="38"/>
                  </a:cubicBezTo>
                  <a:cubicBezTo>
                    <a:pt x="138" y="38"/>
                    <a:pt x="139" y="37"/>
                    <a:pt x="139" y="38"/>
                  </a:cubicBezTo>
                  <a:cubicBezTo>
                    <a:pt x="141" y="39"/>
                    <a:pt x="140" y="42"/>
                    <a:pt x="143" y="42"/>
                  </a:cubicBezTo>
                  <a:cubicBezTo>
                    <a:pt x="143" y="44"/>
                    <a:pt x="145" y="47"/>
                    <a:pt x="146" y="48"/>
                  </a:cubicBezTo>
                  <a:cubicBezTo>
                    <a:pt x="147" y="49"/>
                    <a:pt x="147" y="50"/>
                    <a:pt x="148" y="51"/>
                  </a:cubicBezTo>
                  <a:cubicBezTo>
                    <a:pt x="148" y="51"/>
                    <a:pt x="150" y="51"/>
                    <a:pt x="150" y="51"/>
                  </a:cubicBezTo>
                  <a:cubicBezTo>
                    <a:pt x="150" y="51"/>
                    <a:pt x="150" y="53"/>
                    <a:pt x="150" y="53"/>
                  </a:cubicBezTo>
                  <a:cubicBezTo>
                    <a:pt x="151" y="54"/>
                    <a:pt x="152" y="53"/>
                    <a:pt x="152" y="53"/>
                  </a:cubicBezTo>
                  <a:cubicBezTo>
                    <a:pt x="154" y="55"/>
                    <a:pt x="152" y="57"/>
                    <a:pt x="156" y="57"/>
                  </a:cubicBezTo>
                  <a:cubicBezTo>
                    <a:pt x="154" y="59"/>
                    <a:pt x="156" y="63"/>
                    <a:pt x="157" y="67"/>
                  </a:cubicBezTo>
                  <a:cubicBezTo>
                    <a:pt x="157" y="69"/>
                    <a:pt x="156" y="72"/>
                    <a:pt x="158" y="73"/>
                  </a:cubicBezTo>
                  <a:cubicBezTo>
                    <a:pt x="156" y="74"/>
                    <a:pt x="156" y="76"/>
                    <a:pt x="156" y="80"/>
                  </a:cubicBezTo>
                  <a:cubicBezTo>
                    <a:pt x="156" y="79"/>
                    <a:pt x="154" y="80"/>
                    <a:pt x="155" y="81"/>
                  </a:cubicBezTo>
                  <a:cubicBezTo>
                    <a:pt x="155" y="81"/>
                    <a:pt x="156" y="81"/>
                    <a:pt x="156" y="81"/>
                  </a:cubicBezTo>
                  <a:cubicBezTo>
                    <a:pt x="156" y="81"/>
                    <a:pt x="155" y="83"/>
                    <a:pt x="155" y="84"/>
                  </a:cubicBezTo>
                  <a:cubicBezTo>
                    <a:pt x="155" y="84"/>
                    <a:pt x="153" y="84"/>
                    <a:pt x="153" y="84"/>
                  </a:cubicBezTo>
                  <a:cubicBezTo>
                    <a:pt x="152" y="86"/>
                    <a:pt x="155" y="87"/>
                    <a:pt x="153" y="89"/>
                  </a:cubicBezTo>
                  <a:cubicBezTo>
                    <a:pt x="151" y="89"/>
                    <a:pt x="152" y="92"/>
                    <a:pt x="149" y="91"/>
                  </a:cubicBezTo>
                  <a:cubicBezTo>
                    <a:pt x="149" y="93"/>
                    <a:pt x="149" y="94"/>
                    <a:pt x="147" y="94"/>
                  </a:cubicBezTo>
                  <a:cubicBezTo>
                    <a:pt x="148" y="98"/>
                    <a:pt x="146" y="99"/>
                    <a:pt x="146" y="103"/>
                  </a:cubicBezTo>
                  <a:cubicBezTo>
                    <a:pt x="142" y="102"/>
                    <a:pt x="143" y="106"/>
                    <a:pt x="142" y="108"/>
                  </a:cubicBezTo>
                  <a:cubicBezTo>
                    <a:pt x="141" y="108"/>
                    <a:pt x="139" y="108"/>
                    <a:pt x="139" y="109"/>
                  </a:cubicBezTo>
                  <a:cubicBezTo>
                    <a:pt x="139" y="111"/>
                    <a:pt x="136" y="111"/>
                    <a:pt x="134" y="112"/>
                  </a:cubicBezTo>
                  <a:cubicBezTo>
                    <a:pt x="133" y="112"/>
                    <a:pt x="132" y="114"/>
                    <a:pt x="132" y="114"/>
                  </a:cubicBezTo>
                  <a:cubicBezTo>
                    <a:pt x="131" y="114"/>
                    <a:pt x="130" y="114"/>
                    <a:pt x="130" y="115"/>
                  </a:cubicBezTo>
                  <a:cubicBezTo>
                    <a:pt x="128" y="114"/>
                    <a:pt x="127" y="112"/>
                    <a:pt x="124" y="111"/>
                  </a:cubicBezTo>
                  <a:cubicBezTo>
                    <a:pt x="122" y="110"/>
                    <a:pt x="123" y="113"/>
                    <a:pt x="122" y="113"/>
                  </a:cubicBezTo>
                  <a:cubicBezTo>
                    <a:pt x="120" y="114"/>
                    <a:pt x="117" y="113"/>
                    <a:pt x="116" y="115"/>
                  </a:cubicBezTo>
                  <a:cubicBezTo>
                    <a:pt x="112" y="113"/>
                    <a:pt x="110" y="111"/>
                    <a:pt x="105" y="110"/>
                  </a:cubicBezTo>
                  <a:cubicBezTo>
                    <a:pt x="106" y="109"/>
                    <a:pt x="106" y="108"/>
                    <a:pt x="105" y="105"/>
                  </a:cubicBezTo>
                  <a:cubicBezTo>
                    <a:pt x="105" y="105"/>
                    <a:pt x="104" y="106"/>
                    <a:pt x="104" y="104"/>
                  </a:cubicBezTo>
                  <a:cubicBezTo>
                    <a:pt x="104" y="104"/>
                    <a:pt x="104" y="104"/>
                    <a:pt x="104" y="104"/>
                  </a:cubicBezTo>
                  <a:cubicBezTo>
                    <a:pt x="104" y="103"/>
                    <a:pt x="101" y="102"/>
                    <a:pt x="103" y="102"/>
                  </a:cubicBezTo>
                  <a:cubicBezTo>
                    <a:pt x="103" y="101"/>
                    <a:pt x="99" y="99"/>
                    <a:pt x="98" y="101"/>
                  </a:cubicBezTo>
                  <a:cubicBezTo>
                    <a:pt x="97" y="100"/>
                    <a:pt x="97" y="97"/>
                    <a:pt x="95" y="96"/>
                  </a:cubicBezTo>
                  <a:cubicBezTo>
                    <a:pt x="95" y="94"/>
                    <a:pt x="96" y="93"/>
                    <a:pt x="96" y="92"/>
                  </a:cubicBezTo>
                  <a:cubicBezTo>
                    <a:pt x="96" y="91"/>
                    <a:pt x="95" y="92"/>
                    <a:pt x="92" y="91"/>
                  </a:cubicBezTo>
                  <a:cubicBezTo>
                    <a:pt x="90" y="92"/>
                    <a:pt x="90" y="96"/>
                    <a:pt x="86" y="95"/>
                  </a:cubicBezTo>
                  <a:cubicBezTo>
                    <a:pt x="87" y="91"/>
                    <a:pt x="83" y="92"/>
                    <a:pt x="84" y="88"/>
                  </a:cubicBezTo>
                  <a:cubicBezTo>
                    <a:pt x="82" y="88"/>
                    <a:pt x="81" y="87"/>
                    <a:pt x="78" y="87"/>
                  </a:cubicBezTo>
                  <a:cubicBezTo>
                    <a:pt x="78" y="86"/>
                    <a:pt x="79" y="87"/>
                    <a:pt x="80" y="86"/>
                  </a:cubicBezTo>
                  <a:cubicBezTo>
                    <a:pt x="78" y="83"/>
                    <a:pt x="75" y="86"/>
                    <a:pt x="71" y="85"/>
                  </a:cubicBezTo>
                  <a:cubicBezTo>
                    <a:pt x="68" y="85"/>
                    <a:pt x="65" y="84"/>
                    <a:pt x="62" y="83"/>
                  </a:cubicBezTo>
                  <a:cubicBezTo>
                    <a:pt x="60" y="83"/>
                    <a:pt x="57" y="83"/>
                    <a:pt x="56" y="85"/>
                  </a:cubicBezTo>
                  <a:cubicBezTo>
                    <a:pt x="55" y="86"/>
                    <a:pt x="54" y="85"/>
                    <a:pt x="53" y="85"/>
                  </a:cubicBezTo>
                  <a:cubicBezTo>
                    <a:pt x="52" y="86"/>
                    <a:pt x="52" y="86"/>
                    <a:pt x="52" y="86"/>
                  </a:cubicBezTo>
                  <a:cubicBezTo>
                    <a:pt x="50" y="87"/>
                    <a:pt x="51" y="85"/>
                    <a:pt x="49" y="87"/>
                  </a:cubicBezTo>
                  <a:cubicBezTo>
                    <a:pt x="48" y="88"/>
                    <a:pt x="48" y="88"/>
                    <a:pt x="48" y="89"/>
                  </a:cubicBezTo>
                  <a:cubicBezTo>
                    <a:pt x="46" y="88"/>
                    <a:pt x="46" y="86"/>
                    <a:pt x="46" y="90"/>
                  </a:cubicBezTo>
                  <a:cubicBezTo>
                    <a:pt x="45" y="90"/>
                    <a:pt x="45" y="89"/>
                    <a:pt x="44" y="89"/>
                  </a:cubicBezTo>
                  <a:cubicBezTo>
                    <a:pt x="43" y="89"/>
                    <a:pt x="44" y="90"/>
                    <a:pt x="44" y="90"/>
                  </a:cubicBezTo>
                  <a:cubicBezTo>
                    <a:pt x="43" y="92"/>
                    <a:pt x="40" y="91"/>
                    <a:pt x="39" y="94"/>
                  </a:cubicBezTo>
                  <a:cubicBezTo>
                    <a:pt x="37" y="92"/>
                    <a:pt x="31" y="93"/>
                    <a:pt x="27" y="93"/>
                  </a:cubicBezTo>
                  <a:cubicBezTo>
                    <a:pt x="26" y="93"/>
                    <a:pt x="26" y="95"/>
                    <a:pt x="26" y="95"/>
                  </a:cubicBezTo>
                  <a:cubicBezTo>
                    <a:pt x="25" y="95"/>
                    <a:pt x="24" y="95"/>
                    <a:pt x="24" y="95"/>
                  </a:cubicBezTo>
                  <a:cubicBezTo>
                    <a:pt x="23" y="95"/>
                    <a:pt x="22" y="96"/>
                    <a:pt x="21" y="96"/>
                  </a:cubicBezTo>
                  <a:cubicBezTo>
                    <a:pt x="18" y="97"/>
                    <a:pt x="13" y="99"/>
                    <a:pt x="8" y="98"/>
                  </a:cubicBezTo>
                  <a:cubicBezTo>
                    <a:pt x="8" y="95"/>
                    <a:pt x="8" y="92"/>
                    <a:pt x="11" y="92"/>
                  </a:cubicBezTo>
                  <a:cubicBezTo>
                    <a:pt x="10" y="91"/>
                    <a:pt x="12" y="87"/>
                    <a:pt x="10" y="87"/>
                  </a:cubicBezTo>
                  <a:cubicBezTo>
                    <a:pt x="7" y="87"/>
                    <a:pt x="11" y="86"/>
                    <a:pt x="10" y="84"/>
                  </a:cubicBezTo>
                  <a:cubicBezTo>
                    <a:pt x="8" y="81"/>
                    <a:pt x="9" y="85"/>
                    <a:pt x="8" y="82"/>
                  </a:cubicBezTo>
                  <a:cubicBezTo>
                    <a:pt x="8" y="81"/>
                    <a:pt x="8" y="80"/>
                    <a:pt x="8" y="80"/>
                  </a:cubicBezTo>
                  <a:cubicBezTo>
                    <a:pt x="6" y="79"/>
                    <a:pt x="8" y="79"/>
                    <a:pt x="8" y="78"/>
                  </a:cubicBezTo>
                  <a:cubicBezTo>
                    <a:pt x="7" y="76"/>
                    <a:pt x="5" y="74"/>
                    <a:pt x="7" y="73"/>
                  </a:cubicBezTo>
                  <a:cubicBezTo>
                    <a:pt x="7" y="72"/>
                    <a:pt x="5" y="73"/>
                    <a:pt x="5" y="72"/>
                  </a:cubicBezTo>
                  <a:cubicBezTo>
                    <a:pt x="5" y="72"/>
                    <a:pt x="5" y="71"/>
                    <a:pt x="5" y="70"/>
                  </a:cubicBezTo>
                  <a:cubicBezTo>
                    <a:pt x="5" y="70"/>
                    <a:pt x="4" y="67"/>
                    <a:pt x="4" y="67"/>
                  </a:cubicBezTo>
                  <a:cubicBezTo>
                    <a:pt x="3" y="66"/>
                    <a:pt x="4" y="67"/>
                    <a:pt x="4" y="65"/>
                  </a:cubicBezTo>
                  <a:cubicBezTo>
                    <a:pt x="3" y="64"/>
                    <a:pt x="1" y="63"/>
                    <a:pt x="2" y="62"/>
                  </a:cubicBezTo>
                  <a:cubicBezTo>
                    <a:pt x="5" y="62"/>
                    <a:pt x="3" y="58"/>
                    <a:pt x="5" y="58"/>
                  </a:cubicBezTo>
                  <a:cubicBezTo>
                    <a:pt x="5" y="57"/>
                    <a:pt x="3" y="57"/>
                    <a:pt x="3" y="57"/>
                  </a:cubicBezTo>
                  <a:cubicBezTo>
                    <a:pt x="2" y="56"/>
                    <a:pt x="4" y="53"/>
                    <a:pt x="1" y="54"/>
                  </a:cubicBezTo>
                  <a:cubicBezTo>
                    <a:pt x="0" y="49"/>
                    <a:pt x="2" y="48"/>
                    <a:pt x="3" y="44"/>
                  </a:cubicBezTo>
                  <a:cubicBezTo>
                    <a:pt x="4" y="46"/>
                    <a:pt x="8" y="45"/>
                    <a:pt x="8" y="42"/>
                  </a:cubicBezTo>
                  <a:cubicBezTo>
                    <a:pt x="8" y="41"/>
                    <a:pt x="14" y="42"/>
                    <a:pt x="13" y="38"/>
                  </a:cubicBezTo>
                  <a:cubicBezTo>
                    <a:pt x="19" y="38"/>
                    <a:pt x="21" y="36"/>
                    <a:pt x="26" y="36"/>
                  </a:cubicBezTo>
                  <a:cubicBezTo>
                    <a:pt x="27" y="36"/>
                    <a:pt x="26" y="35"/>
                    <a:pt x="26" y="35"/>
                  </a:cubicBezTo>
                  <a:cubicBezTo>
                    <a:pt x="28" y="33"/>
                    <a:pt x="31" y="34"/>
                    <a:pt x="31" y="31"/>
                  </a:cubicBezTo>
                  <a:cubicBezTo>
                    <a:pt x="31" y="31"/>
                    <a:pt x="32" y="32"/>
                    <a:pt x="32" y="32"/>
                  </a:cubicBezTo>
                  <a:cubicBezTo>
                    <a:pt x="35" y="32"/>
                    <a:pt x="32" y="28"/>
                    <a:pt x="35" y="29"/>
                  </a:cubicBezTo>
                  <a:cubicBezTo>
                    <a:pt x="35" y="25"/>
                    <a:pt x="35" y="26"/>
                    <a:pt x="35" y="21"/>
                  </a:cubicBezTo>
                  <a:cubicBezTo>
                    <a:pt x="38" y="22"/>
                    <a:pt x="39" y="23"/>
                    <a:pt x="41" y="23"/>
                  </a:cubicBezTo>
                  <a:cubicBezTo>
                    <a:pt x="42" y="23"/>
                    <a:pt x="42" y="21"/>
                    <a:pt x="44" y="21"/>
                  </a:cubicBezTo>
                  <a:cubicBezTo>
                    <a:pt x="43" y="19"/>
                    <a:pt x="46" y="18"/>
                    <a:pt x="44" y="18"/>
                  </a:cubicBezTo>
                  <a:cubicBezTo>
                    <a:pt x="45" y="17"/>
                    <a:pt x="46" y="17"/>
                    <a:pt x="46" y="15"/>
                  </a:cubicBezTo>
                  <a:cubicBezTo>
                    <a:pt x="49" y="15"/>
                    <a:pt x="47" y="11"/>
                    <a:pt x="51" y="13"/>
                  </a:cubicBezTo>
                  <a:cubicBezTo>
                    <a:pt x="52" y="12"/>
                    <a:pt x="53" y="11"/>
                    <a:pt x="53" y="10"/>
                  </a:cubicBezTo>
                  <a:cubicBezTo>
                    <a:pt x="55" y="11"/>
                    <a:pt x="56" y="11"/>
                    <a:pt x="58" y="11"/>
                  </a:cubicBezTo>
                  <a:cubicBezTo>
                    <a:pt x="56" y="13"/>
                    <a:pt x="59" y="12"/>
                    <a:pt x="59" y="13"/>
                  </a:cubicBezTo>
                  <a:cubicBezTo>
                    <a:pt x="59" y="13"/>
                    <a:pt x="59" y="14"/>
                    <a:pt x="59" y="14"/>
                  </a:cubicBezTo>
                  <a:cubicBezTo>
                    <a:pt x="60" y="14"/>
                    <a:pt x="61" y="14"/>
                    <a:pt x="61" y="14"/>
                  </a:cubicBezTo>
                  <a:cubicBezTo>
                    <a:pt x="61" y="14"/>
                    <a:pt x="62" y="17"/>
                    <a:pt x="65" y="16"/>
                  </a:cubicBezTo>
                  <a:cubicBezTo>
                    <a:pt x="66" y="16"/>
                    <a:pt x="65" y="11"/>
                    <a:pt x="63" y="12"/>
                  </a:cubicBezTo>
                  <a:cubicBezTo>
                    <a:pt x="64" y="11"/>
                    <a:pt x="65" y="10"/>
                    <a:pt x="66" y="10"/>
                  </a:cubicBezTo>
                  <a:cubicBezTo>
                    <a:pt x="66" y="8"/>
                    <a:pt x="67" y="6"/>
                    <a:pt x="70" y="6"/>
                  </a:cubicBezTo>
                  <a:cubicBezTo>
                    <a:pt x="70" y="4"/>
                    <a:pt x="70" y="3"/>
                    <a:pt x="73" y="3"/>
                  </a:cubicBezTo>
                  <a:cubicBezTo>
                    <a:pt x="71" y="6"/>
                    <a:pt x="72" y="4"/>
                    <a:pt x="74" y="4"/>
                  </a:cubicBezTo>
                  <a:cubicBezTo>
                    <a:pt x="79" y="0"/>
                    <a:pt x="86" y="4"/>
                    <a:pt x="92" y="4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sp>
        <p:nvSpPr>
          <p:cNvPr id="13" name="椭圆 12"/>
          <p:cNvSpPr/>
          <p:nvPr/>
        </p:nvSpPr>
        <p:spPr>
          <a:xfrm flipH="1">
            <a:off x="3567683" y="2730223"/>
            <a:ext cx="159196" cy="15919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14" name="椭圆 13"/>
          <p:cNvSpPr/>
          <p:nvPr/>
        </p:nvSpPr>
        <p:spPr>
          <a:xfrm>
            <a:off x="8819133" y="4539972"/>
            <a:ext cx="95696" cy="9569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15" name="椭圆 14"/>
          <p:cNvSpPr/>
          <p:nvPr/>
        </p:nvSpPr>
        <p:spPr>
          <a:xfrm>
            <a:off x="5056758" y="4143098"/>
            <a:ext cx="102046" cy="10204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16" name="椭圆 15"/>
          <p:cNvSpPr/>
          <p:nvPr/>
        </p:nvSpPr>
        <p:spPr>
          <a:xfrm>
            <a:off x="4553838" y="4684118"/>
            <a:ext cx="102046" cy="10204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17" name="椭圆 16"/>
          <p:cNvSpPr/>
          <p:nvPr/>
        </p:nvSpPr>
        <p:spPr>
          <a:xfrm>
            <a:off x="8109838" y="3350617"/>
            <a:ext cx="102046" cy="10204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18" name="椭圆 17"/>
          <p:cNvSpPr/>
          <p:nvPr/>
        </p:nvSpPr>
        <p:spPr>
          <a:xfrm>
            <a:off x="3918838" y="3071218"/>
            <a:ext cx="102046" cy="102046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grpSp>
        <p:nvGrpSpPr>
          <p:cNvPr id="19" name="组合 18"/>
          <p:cNvGrpSpPr/>
          <p:nvPr/>
        </p:nvGrpSpPr>
        <p:grpSpPr>
          <a:xfrm>
            <a:off x="2429905" y="2890645"/>
            <a:ext cx="991626" cy="704766"/>
            <a:chOff x="1094591" y="2644188"/>
            <a:chExt cx="991626" cy="704766"/>
          </a:xfrm>
        </p:grpSpPr>
        <p:sp>
          <p:nvSpPr>
            <p:cNvPr id="20" name="TextBox 19"/>
            <p:cNvSpPr txBox="1"/>
            <p:nvPr/>
          </p:nvSpPr>
          <p:spPr bwMode="auto">
            <a:xfrm>
              <a:off x="1094591" y="2644188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  <p:sp>
          <p:nvSpPr>
            <p:cNvPr id="21" name="TextBox 20"/>
            <p:cNvSpPr txBox="1"/>
            <p:nvPr/>
          </p:nvSpPr>
          <p:spPr bwMode="auto">
            <a:xfrm>
              <a:off x="1094591" y="2869613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  <p:sp>
          <p:nvSpPr>
            <p:cNvPr id="22" name="TextBox 21"/>
            <p:cNvSpPr txBox="1"/>
            <p:nvPr/>
          </p:nvSpPr>
          <p:spPr bwMode="auto">
            <a:xfrm>
              <a:off x="1094591" y="3095038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3442277" y="4282202"/>
            <a:ext cx="991626" cy="704766"/>
            <a:chOff x="1094591" y="2644188"/>
            <a:chExt cx="991626" cy="704766"/>
          </a:xfrm>
        </p:grpSpPr>
        <p:sp>
          <p:nvSpPr>
            <p:cNvPr id="24" name="TextBox 23"/>
            <p:cNvSpPr txBox="1"/>
            <p:nvPr/>
          </p:nvSpPr>
          <p:spPr bwMode="auto">
            <a:xfrm>
              <a:off x="1094591" y="2644188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  <p:sp>
          <p:nvSpPr>
            <p:cNvPr id="25" name="TextBox 24"/>
            <p:cNvSpPr txBox="1"/>
            <p:nvPr/>
          </p:nvSpPr>
          <p:spPr bwMode="auto">
            <a:xfrm>
              <a:off x="1094591" y="2869613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  <p:sp>
          <p:nvSpPr>
            <p:cNvPr id="26" name="TextBox 25"/>
            <p:cNvSpPr txBox="1"/>
            <p:nvPr/>
          </p:nvSpPr>
          <p:spPr bwMode="auto">
            <a:xfrm>
              <a:off x="1094591" y="3095038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8716405" y="2992246"/>
            <a:ext cx="991626" cy="704766"/>
            <a:chOff x="1094591" y="2644188"/>
            <a:chExt cx="991626" cy="704766"/>
          </a:xfrm>
        </p:grpSpPr>
        <p:sp>
          <p:nvSpPr>
            <p:cNvPr id="28" name="TextBox 27"/>
            <p:cNvSpPr txBox="1"/>
            <p:nvPr/>
          </p:nvSpPr>
          <p:spPr bwMode="auto">
            <a:xfrm>
              <a:off x="1094591" y="2644188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  <p:sp>
          <p:nvSpPr>
            <p:cNvPr id="29" name="TextBox 28"/>
            <p:cNvSpPr txBox="1"/>
            <p:nvPr/>
          </p:nvSpPr>
          <p:spPr bwMode="auto">
            <a:xfrm>
              <a:off x="1094591" y="2869613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  <p:sp>
          <p:nvSpPr>
            <p:cNvPr id="30" name="TextBox 29"/>
            <p:cNvSpPr txBox="1"/>
            <p:nvPr/>
          </p:nvSpPr>
          <p:spPr bwMode="auto">
            <a:xfrm>
              <a:off x="1094591" y="3095037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7163376" y="4313046"/>
            <a:ext cx="991626" cy="479341"/>
            <a:chOff x="1094591" y="2644188"/>
            <a:chExt cx="991626" cy="479341"/>
          </a:xfrm>
        </p:grpSpPr>
        <p:sp>
          <p:nvSpPr>
            <p:cNvPr id="32" name="TextBox 31"/>
            <p:cNvSpPr txBox="1"/>
            <p:nvPr/>
          </p:nvSpPr>
          <p:spPr bwMode="auto">
            <a:xfrm>
              <a:off x="1094590" y="2644188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  <p:sp>
          <p:nvSpPr>
            <p:cNvPr id="33" name="TextBox 32"/>
            <p:cNvSpPr txBox="1"/>
            <p:nvPr/>
          </p:nvSpPr>
          <p:spPr bwMode="auto">
            <a:xfrm>
              <a:off x="1094590" y="2869613"/>
              <a:ext cx="991626" cy="251460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 algn="just">
                <a:defRPr/>
              </a:pPr>
              <a:r>
                <a:rPr altLang="en-US" kern="0" lang="zh-CN" sz="105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</p:grpSp>
      <p:grpSp>
        <p:nvGrpSpPr>
          <p:cNvPr id="34" name="组合 33"/>
          <p:cNvGrpSpPr/>
          <p:nvPr/>
        </p:nvGrpSpPr>
        <p:grpSpPr>
          <a:xfrm>
            <a:off x="5012308" y="2053948"/>
            <a:ext cx="444946" cy="444946"/>
            <a:chOff x="3488308" y="1428304"/>
            <a:chExt cx="444946" cy="444946"/>
          </a:xfrm>
        </p:grpSpPr>
        <p:sp>
          <p:nvSpPr>
            <p:cNvPr id="35" name="椭圆 34"/>
            <p:cNvSpPr/>
            <p:nvPr/>
          </p:nvSpPr>
          <p:spPr>
            <a:xfrm flipH="1">
              <a:off x="3488308" y="1428304"/>
              <a:ext cx="444946" cy="444946"/>
            </a:xfrm>
            <a:prstGeom prst="ellipse">
              <a:avLst/>
            </a:prstGeom>
            <a:solidFill>
              <a:schemeClr val="accent3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36" name="椭圆 35"/>
            <p:cNvSpPr/>
            <p:nvPr/>
          </p:nvSpPr>
          <p:spPr>
            <a:xfrm flipH="1">
              <a:off x="3631183" y="1571179"/>
              <a:ext cx="159196" cy="159196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</p:grpSp>
      <p:grpSp>
        <p:nvGrpSpPr>
          <p:cNvPr id="37" name="组合 36"/>
          <p:cNvGrpSpPr/>
          <p:nvPr/>
        </p:nvGrpSpPr>
        <p:grpSpPr>
          <a:xfrm>
            <a:off x="8259014" y="2714348"/>
            <a:ext cx="444946" cy="444946"/>
            <a:chOff x="6735014" y="2088704"/>
            <a:chExt cx="444946" cy="444946"/>
          </a:xfrm>
        </p:grpSpPr>
        <p:sp>
          <p:nvSpPr>
            <p:cNvPr id="38" name="椭圆 37"/>
            <p:cNvSpPr/>
            <p:nvPr/>
          </p:nvSpPr>
          <p:spPr>
            <a:xfrm flipH="1">
              <a:off x="6735014" y="2088704"/>
              <a:ext cx="444946" cy="444946"/>
            </a:xfrm>
            <a:prstGeom prst="ellipse">
              <a:avLst/>
            </a:prstGeom>
            <a:solidFill>
              <a:srgbClr val="E1DAA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39" name="椭圆 38"/>
            <p:cNvSpPr/>
            <p:nvPr/>
          </p:nvSpPr>
          <p:spPr>
            <a:xfrm flipH="1">
              <a:off x="6861443" y="2215133"/>
              <a:ext cx="192088" cy="192088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55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1000" fill="hold" id="7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000" fill="hold" id="8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1000" id="9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10" nodeType="withEffect" presetClass="entr" presetID="23" presetSubtype="36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12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13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14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15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16" nodeType="withEffect" presetClass="entr" presetID="23" presetSubtype="36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18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19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1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22" nodeType="withEffect" presetClass="entr" presetID="23" presetSubtype="36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dur="1" fill="hold" id="2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24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5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6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7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28" nodeType="withEffect" presetClass="entr" presetID="23" presetSubtype="36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dur="1" fill="hold" id="2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3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31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32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33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34" nodeType="withEffect" presetClass="entr" presetID="23" presetSubtype="36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dur="1" fill="hold" id="3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36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37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38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39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40" nodeType="withEffect" presetClass="entr" presetID="23" presetSubtype="36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dur="1" fill="hold" id="4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42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43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44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45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46" nodeType="withEffect" presetClass="entr" presetID="23" presetSubtype="36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dur="1" fill="hold" id="4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48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49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50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51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52" nodeType="withEffect" presetClass="entr" presetID="23" presetSubtype="36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dur="1" fill="hold" id="5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54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55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(6*min(max(#ppt_w*#ppt_h,.3),1)-7.4)/-.7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56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57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(6*min(max(#ppt_w*#ppt_h,.3),1)-7.4)/-.7*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58" nodeType="withEffect" presetClass="entr" presetID="18" presetSubtype="12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dur="1" fill="hold" id="5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strips(downLeft)" transition="in">
                                      <p:cBhvr>
                                        <p:cTn dur="500" id="6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61" nodeType="withEffect" presetClass="entr" presetID="18" presetSubtype="12">
                                  <p:stCondLst>
                                    <p:cond delay="2100"/>
                                  </p:stCondLst>
                                  <p:childTnLst>
                                    <p:set>
                                      <p:cBhvr>
                                        <p:cTn dur="1" fill="hold" id="6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strips(downLeft)" transition="in">
                                      <p:cBhvr>
                                        <p:cTn dur="500" id="63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64" nodeType="withEffect" presetClass="entr" presetID="18" presetSubtype="12">
                                  <p:stCondLst>
                                    <p:cond delay="2300"/>
                                  </p:stCondLst>
                                  <p:childTnLst>
                                    <p:set>
                                      <p:cBhvr>
                                        <p:cTn dur="1" fill="hold" id="6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strips(downLeft)" transition="in">
                                      <p:cBhvr>
                                        <p:cTn dur="500" id="66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67" nodeType="withEffect" presetClass="entr" presetID="18" presetSubtype="6">
                                  <p:stCondLst>
                                    <p:cond delay="2400"/>
                                  </p:stCondLst>
                                  <p:childTnLst>
                                    <p:set>
                                      <p:cBhvr>
                                        <p:cTn dur="1" fill="hold" id="6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strips(downRight)" transition="in">
                                      <p:cBhvr>
                                        <p:cTn dur="500" id="69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13"/>
      <p:bldP grpId="0" spid="14"/>
      <p:bldP grpId="0" spid="15"/>
      <p:bldP grpId="0" spid="16"/>
      <p:bldP grpId="0" spid="17"/>
      <p:bldP grpId="0" spid="18"/>
    </p:bldLst>
  </p:timing>
</p:sld>
</file>

<file path=ppt/slides/slide23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矩形 1"/>
          <p:cNvSpPr/>
          <p:nvPr/>
        </p:nvSpPr>
        <p:spPr>
          <a:xfrm>
            <a:off x="5057676" y="2011177"/>
            <a:ext cx="2214880" cy="38404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defTabSz="185738">
              <a:lnSpc>
                <a:spcPct val="120000"/>
              </a:lnSpc>
            </a:pPr>
            <a:r>
              <a:rPr altLang="en-US" kern="0" lang="zh-CN" sz="1600">
                <a:latin charset="-122" pitchFamily="34" typeface="微软雅黑"/>
                <a:ea charset="-122" pitchFamily="34" typeface="微软雅黑"/>
              </a:rPr>
              <a:t>单击此处添加文字内容</a:t>
            </a:r>
          </a:p>
        </p:txBody>
      </p:sp>
      <p:grpSp>
        <p:nvGrpSpPr>
          <p:cNvPr id="3" name="组合 2"/>
          <p:cNvGrpSpPr/>
          <p:nvPr/>
        </p:nvGrpSpPr>
        <p:grpSpPr>
          <a:xfrm>
            <a:off x="2741616" y="2551352"/>
            <a:ext cx="6708775" cy="426455"/>
            <a:chOff x="1217613" y="1889708"/>
            <a:chExt cx="6708775" cy="426455"/>
          </a:xfrm>
        </p:grpSpPr>
        <p:sp>
          <p:nvSpPr>
            <p:cNvPr id="4" name="Rectangle 6"/>
            <p:cNvSpPr>
              <a:spLocks noChangeArrowheads="1"/>
            </p:cNvSpPr>
            <p:nvPr/>
          </p:nvSpPr>
          <p:spPr bwMode="auto">
            <a:xfrm>
              <a:off x="1217613" y="2184400"/>
              <a:ext cx="6708775" cy="131763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" name="Freeform 67"/>
            <p:cNvSpPr/>
            <p:nvPr/>
          </p:nvSpPr>
          <p:spPr bwMode="auto">
            <a:xfrm>
              <a:off x="1217613" y="2184400"/>
              <a:ext cx="4491038" cy="131763"/>
            </a:xfrm>
            <a:custGeom>
              <a:gdLst>
                <a:gd fmla="*/ 480 w 480" name="T0"/>
                <a:gd fmla="*/ 7 h 14" name="T1"/>
                <a:gd fmla="*/ 474 w 480" name="T2"/>
                <a:gd fmla="*/ 14 h 14" name="T3"/>
                <a:gd fmla="*/ 7 w 480" name="T4"/>
                <a:gd fmla="*/ 14 h 14" name="T5"/>
                <a:gd fmla="*/ 0 w 480" name="T6"/>
                <a:gd fmla="*/ 7 h 14" name="T7"/>
                <a:gd fmla="*/ 7 w 480" name="T8"/>
                <a:gd fmla="*/ 0 h 14" name="T9"/>
                <a:gd fmla="*/ 474 w 480" name="T10"/>
                <a:gd fmla="*/ 0 h 14" name="T11"/>
                <a:gd fmla="*/ 480 w 480" name="T12"/>
                <a:gd fmla="*/ 7 h 14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14" w="480">
                  <a:moveTo>
                    <a:pt x="480" y="7"/>
                  </a:moveTo>
                  <a:cubicBezTo>
                    <a:pt x="480" y="11"/>
                    <a:pt x="477" y="14"/>
                    <a:pt x="474" y="14"/>
                  </a:cubicBezTo>
                  <a:cubicBezTo>
                    <a:pt x="7" y="14"/>
                    <a:pt x="7" y="14"/>
                    <a:pt x="7" y="14"/>
                  </a:cubicBezTo>
                  <a:cubicBezTo>
                    <a:pt x="3" y="14"/>
                    <a:pt x="0" y="11"/>
                    <a:pt x="0" y="7"/>
                  </a:cubicBezTo>
                  <a:cubicBezTo>
                    <a:pt x="0" y="3"/>
                    <a:pt x="3" y="0"/>
                    <a:pt x="7" y="0"/>
                  </a:cubicBezTo>
                  <a:cubicBezTo>
                    <a:pt x="474" y="0"/>
                    <a:pt x="474" y="0"/>
                    <a:pt x="474" y="0"/>
                  </a:cubicBezTo>
                  <a:cubicBezTo>
                    <a:pt x="477" y="0"/>
                    <a:pt x="480" y="3"/>
                    <a:pt x="480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6" name="矩形 5"/>
            <p:cNvSpPr/>
            <p:nvPr/>
          </p:nvSpPr>
          <p:spPr>
            <a:xfrm>
              <a:off x="1217613" y="1889708"/>
              <a:ext cx="1325880" cy="27432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zh-CN" lang="en-US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65" typeface="方正粗宋简体"/>
                  <a:ea charset="-122" pitchFamily="65" typeface="方正粗宋简体"/>
                </a:rPr>
                <a:t>POWER POINT  01</a:t>
              </a:r>
            </a:p>
          </p:txBody>
        </p:sp>
      </p:grpSp>
      <p:grpSp>
        <p:nvGrpSpPr>
          <p:cNvPr id="7" name="组合 6"/>
          <p:cNvGrpSpPr/>
          <p:nvPr/>
        </p:nvGrpSpPr>
        <p:grpSpPr>
          <a:xfrm>
            <a:off x="2741616" y="3009596"/>
            <a:ext cx="6708775" cy="407949"/>
            <a:chOff x="1217613" y="2347952"/>
            <a:chExt cx="6708775" cy="407949"/>
          </a:xfrm>
        </p:grpSpPr>
        <p:sp>
          <p:nvSpPr>
            <p:cNvPr id="8" name="Rectangle 68"/>
            <p:cNvSpPr>
              <a:spLocks noChangeArrowheads="1"/>
            </p:cNvSpPr>
            <p:nvPr/>
          </p:nvSpPr>
          <p:spPr bwMode="auto">
            <a:xfrm>
              <a:off x="1217613" y="2624138"/>
              <a:ext cx="6708775" cy="131763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" name="Freeform 69"/>
            <p:cNvSpPr/>
            <p:nvPr/>
          </p:nvSpPr>
          <p:spPr bwMode="auto">
            <a:xfrm>
              <a:off x="1217613" y="2624138"/>
              <a:ext cx="4116388" cy="131763"/>
            </a:xfrm>
            <a:custGeom>
              <a:gdLst>
                <a:gd fmla="*/ 440 w 440" name="T0"/>
                <a:gd fmla="*/ 7 h 14" name="T1"/>
                <a:gd fmla="*/ 434 w 440" name="T2"/>
                <a:gd fmla="*/ 14 h 14" name="T3"/>
                <a:gd fmla="*/ 6 w 440" name="T4"/>
                <a:gd fmla="*/ 14 h 14" name="T5"/>
                <a:gd fmla="*/ 0 w 440" name="T6"/>
                <a:gd fmla="*/ 7 h 14" name="T7"/>
                <a:gd fmla="*/ 6 w 440" name="T8"/>
                <a:gd fmla="*/ 0 h 14" name="T9"/>
                <a:gd fmla="*/ 434 w 440" name="T10"/>
                <a:gd fmla="*/ 0 h 14" name="T11"/>
                <a:gd fmla="*/ 440 w 440" name="T12"/>
                <a:gd fmla="*/ 7 h 14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14" w="440">
                  <a:moveTo>
                    <a:pt x="440" y="7"/>
                  </a:moveTo>
                  <a:cubicBezTo>
                    <a:pt x="440" y="11"/>
                    <a:pt x="438" y="14"/>
                    <a:pt x="434" y="14"/>
                  </a:cubicBezTo>
                  <a:cubicBezTo>
                    <a:pt x="6" y="14"/>
                    <a:pt x="6" y="14"/>
                    <a:pt x="6" y="14"/>
                  </a:cubicBezTo>
                  <a:cubicBezTo>
                    <a:pt x="3" y="14"/>
                    <a:pt x="0" y="11"/>
                    <a:pt x="0" y="7"/>
                  </a:cubicBezTo>
                  <a:cubicBezTo>
                    <a:pt x="0" y="3"/>
                    <a:pt x="3" y="0"/>
                    <a:pt x="6" y="0"/>
                  </a:cubicBezTo>
                  <a:cubicBezTo>
                    <a:pt x="434" y="0"/>
                    <a:pt x="434" y="0"/>
                    <a:pt x="434" y="0"/>
                  </a:cubicBezTo>
                  <a:cubicBezTo>
                    <a:pt x="438" y="0"/>
                    <a:pt x="440" y="3"/>
                    <a:pt x="440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10" name="矩形 9"/>
            <p:cNvSpPr/>
            <p:nvPr/>
          </p:nvSpPr>
          <p:spPr>
            <a:xfrm>
              <a:off x="1217613" y="2347952"/>
              <a:ext cx="1325880" cy="27432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zh-CN" lang="en-US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65" typeface="方正粗宋简体"/>
                  <a:ea charset="-122" pitchFamily="65" typeface="方正粗宋简体"/>
                </a:rPr>
                <a:t>POWER POINT  02</a:t>
              </a:r>
            </a:p>
          </p:txBody>
        </p:sp>
      </p:grpSp>
      <p:grpSp>
        <p:nvGrpSpPr>
          <p:cNvPr id="11" name="组合 10"/>
          <p:cNvGrpSpPr/>
          <p:nvPr/>
        </p:nvGrpSpPr>
        <p:grpSpPr>
          <a:xfrm>
            <a:off x="2741616" y="3441396"/>
            <a:ext cx="6708775" cy="406361"/>
            <a:chOff x="1217613" y="2779752"/>
            <a:chExt cx="6708775" cy="406361"/>
          </a:xfrm>
        </p:grpSpPr>
        <p:sp>
          <p:nvSpPr>
            <p:cNvPr id="12" name="Rectangle 70"/>
            <p:cNvSpPr>
              <a:spLocks noChangeArrowheads="1"/>
            </p:cNvSpPr>
            <p:nvPr/>
          </p:nvSpPr>
          <p:spPr bwMode="auto">
            <a:xfrm>
              <a:off x="1217613" y="3054350"/>
              <a:ext cx="6708775" cy="131763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3" name="Freeform 71"/>
            <p:cNvSpPr/>
            <p:nvPr/>
          </p:nvSpPr>
          <p:spPr bwMode="auto">
            <a:xfrm>
              <a:off x="1217613" y="3054350"/>
              <a:ext cx="2386013" cy="131763"/>
            </a:xfrm>
            <a:custGeom>
              <a:gdLst>
                <a:gd fmla="*/ 255 w 255" name="T0"/>
                <a:gd fmla="*/ 7 h 14" name="T1"/>
                <a:gd fmla="*/ 252 w 255" name="T2"/>
                <a:gd fmla="*/ 14 h 14" name="T3"/>
                <a:gd fmla="*/ 4 w 255" name="T4"/>
                <a:gd fmla="*/ 14 h 14" name="T5"/>
                <a:gd fmla="*/ 0 w 255" name="T6"/>
                <a:gd fmla="*/ 7 h 14" name="T7"/>
                <a:gd fmla="*/ 4 w 255" name="T8"/>
                <a:gd fmla="*/ 0 h 14" name="T9"/>
                <a:gd fmla="*/ 252 w 255" name="T10"/>
                <a:gd fmla="*/ 0 h 14" name="T11"/>
                <a:gd fmla="*/ 255 w 255" name="T12"/>
                <a:gd fmla="*/ 7 h 14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14" w="255">
                  <a:moveTo>
                    <a:pt x="255" y="7"/>
                  </a:moveTo>
                  <a:cubicBezTo>
                    <a:pt x="255" y="11"/>
                    <a:pt x="254" y="14"/>
                    <a:pt x="252" y="14"/>
                  </a:cubicBezTo>
                  <a:cubicBezTo>
                    <a:pt x="4" y="14"/>
                    <a:pt x="4" y="14"/>
                    <a:pt x="4" y="14"/>
                  </a:cubicBezTo>
                  <a:cubicBezTo>
                    <a:pt x="2" y="14"/>
                    <a:pt x="0" y="11"/>
                    <a:pt x="0" y="7"/>
                  </a:cubicBezTo>
                  <a:cubicBezTo>
                    <a:pt x="0" y="3"/>
                    <a:pt x="2" y="0"/>
                    <a:pt x="4" y="0"/>
                  </a:cubicBezTo>
                  <a:cubicBezTo>
                    <a:pt x="252" y="0"/>
                    <a:pt x="252" y="0"/>
                    <a:pt x="252" y="0"/>
                  </a:cubicBezTo>
                  <a:cubicBezTo>
                    <a:pt x="254" y="0"/>
                    <a:pt x="255" y="3"/>
                    <a:pt x="255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14" name="矩形 13"/>
            <p:cNvSpPr/>
            <p:nvPr/>
          </p:nvSpPr>
          <p:spPr>
            <a:xfrm>
              <a:off x="1217613" y="2779752"/>
              <a:ext cx="1325880" cy="27432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zh-CN" lang="en-US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65" typeface="方正粗宋简体"/>
                  <a:ea charset="-122" pitchFamily="65" typeface="方正粗宋简体"/>
                </a:rPr>
                <a:t>POWER POINT  03</a:t>
              </a: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2741616" y="3860496"/>
            <a:ext cx="6708775" cy="425411"/>
            <a:chOff x="1217613" y="3198852"/>
            <a:chExt cx="6708775" cy="425411"/>
          </a:xfrm>
        </p:grpSpPr>
        <p:sp>
          <p:nvSpPr>
            <p:cNvPr id="16" name="Rectangle 72"/>
            <p:cNvSpPr>
              <a:spLocks noChangeArrowheads="1"/>
            </p:cNvSpPr>
            <p:nvPr/>
          </p:nvSpPr>
          <p:spPr bwMode="auto">
            <a:xfrm>
              <a:off x="1217613" y="3494088"/>
              <a:ext cx="6708775" cy="130175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7" name="Freeform 73"/>
            <p:cNvSpPr/>
            <p:nvPr/>
          </p:nvSpPr>
          <p:spPr bwMode="auto">
            <a:xfrm>
              <a:off x="1217613" y="3494088"/>
              <a:ext cx="5156200" cy="130175"/>
            </a:xfrm>
            <a:custGeom>
              <a:gdLst>
                <a:gd fmla="*/ 551 w 551" name="T0"/>
                <a:gd fmla="*/ 7 h 14" name="T1"/>
                <a:gd fmla="*/ 544 w 551" name="T2"/>
                <a:gd fmla="*/ 14 h 14" name="T3"/>
                <a:gd fmla="*/ 8 w 551" name="T4"/>
                <a:gd fmla="*/ 14 h 14" name="T5"/>
                <a:gd fmla="*/ 0 w 551" name="T6"/>
                <a:gd fmla="*/ 7 h 14" name="T7"/>
                <a:gd fmla="*/ 8 w 551" name="T8"/>
                <a:gd fmla="*/ 0 h 14" name="T9"/>
                <a:gd fmla="*/ 544 w 551" name="T10"/>
                <a:gd fmla="*/ 0 h 14" name="T11"/>
                <a:gd fmla="*/ 551 w 551" name="T12"/>
                <a:gd fmla="*/ 7 h 14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14" w="551">
                  <a:moveTo>
                    <a:pt x="551" y="7"/>
                  </a:moveTo>
                  <a:cubicBezTo>
                    <a:pt x="551" y="11"/>
                    <a:pt x="548" y="14"/>
                    <a:pt x="544" y="14"/>
                  </a:cubicBezTo>
                  <a:cubicBezTo>
                    <a:pt x="8" y="14"/>
                    <a:pt x="8" y="14"/>
                    <a:pt x="8" y="14"/>
                  </a:cubicBezTo>
                  <a:cubicBezTo>
                    <a:pt x="3" y="14"/>
                    <a:pt x="0" y="11"/>
                    <a:pt x="0" y="7"/>
                  </a:cubicBezTo>
                  <a:cubicBezTo>
                    <a:pt x="0" y="3"/>
                    <a:pt x="3" y="0"/>
                    <a:pt x="8" y="0"/>
                  </a:cubicBezTo>
                  <a:cubicBezTo>
                    <a:pt x="544" y="0"/>
                    <a:pt x="544" y="0"/>
                    <a:pt x="544" y="0"/>
                  </a:cubicBezTo>
                  <a:cubicBezTo>
                    <a:pt x="548" y="0"/>
                    <a:pt x="551" y="3"/>
                    <a:pt x="551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18" name="矩形 17"/>
            <p:cNvSpPr/>
            <p:nvPr/>
          </p:nvSpPr>
          <p:spPr>
            <a:xfrm>
              <a:off x="1217613" y="3198852"/>
              <a:ext cx="1325880" cy="27432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zh-CN" lang="en-US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65" typeface="方正粗宋简体"/>
                  <a:ea charset="-122" pitchFamily="65" typeface="方正粗宋简体"/>
                </a:rPr>
                <a:t>POWER POINT  04</a:t>
              </a:r>
            </a:p>
          </p:txBody>
        </p:sp>
      </p:grpSp>
      <p:grpSp>
        <p:nvGrpSpPr>
          <p:cNvPr id="19" name="组合 18"/>
          <p:cNvGrpSpPr/>
          <p:nvPr/>
        </p:nvGrpSpPr>
        <p:grpSpPr>
          <a:xfrm>
            <a:off x="2741616" y="4317695"/>
            <a:ext cx="6708775" cy="407948"/>
            <a:chOff x="1217613" y="3656052"/>
            <a:chExt cx="6708775" cy="407948"/>
          </a:xfrm>
        </p:grpSpPr>
        <p:sp>
          <p:nvSpPr>
            <p:cNvPr id="20" name="Rectangle 74"/>
            <p:cNvSpPr>
              <a:spLocks noChangeArrowheads="1"/>
            </p:cNvSpPr>
            <p:nvPr/>
          </p:nvSpPr>
          <p:spPr bwMode="auto">
            <a:xfrm>
              <a:off x="1217613" y="3933825"/>
              <a:ext cx="6708775" cy="130175"/>
            </a:xfrm>
            <a:prstGeom prst="rect">
              <a:avLst/>
            </a:prstGeom>
            <a:solidFill>
              <a:srgbClr val="E1DAAD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1" name="Freeform 75"/>
            <p:cNvSpPr/>
            <p:nvPr/>
          </p:nvSpPr>
          <p:spPr bwMode="auto">
            <a:xfrm>
              <a:off x="1217613" y="3933825"/>
              <a:ext cx="3116263" cy="130175"/>
            </a:xfrm>
            <a:custGeom>
              <a:gdLst>
                <a:gd fmla="*/ 333 w 333" name="T0"/>
                <a:gd fmla="*/ 7 h 14" name="T1"/>
                <a:gd fmla="*/ 328 w 333" name="T2"/>
                <a:gd fmla="*/ 14 h 14" name="T3"/>
                <a:gd fmla="*/ 5 w 333" name="T4"/>
                <a:gd fmla="*/ 14 h 14" name="T5"/>
                <a:gd fmla="*/ 0 w 333" name="T6"/>
                <a:gd fmla="*/ 7 h 14" name="T7"/>
                <a:gd fmla="*/ 5 w 333" name="T8"/>
                <a:gd fmla="*/ 0 h 14" name="T9"/>
                <a:gd fmla="*/ 328 w 333" name="T10"/>
                <a:gd fmla="*/ 0 h 14" name="T11"/>
                <a:gd fmla="*/ 333 w 333" name="T12"/>
                <a:gd fmla="*/ 7 h 14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14" w="333">
                  <a:moveTo>
                    <a:pt x="333" y="7"/>
                  </a:moveTo>
                  <a:cubicBezTo>
                    <a:pt x="333" y="11"/>
                    <a:pt x="331" y="14"/>
                    <a:pt x="328" y="14"/>
                  </a:cubicBezTo>
                  <a:cubicBezTo>
                    <a:pt x="5" y="14"/>
                    <a:pt x="5" y="14"/>
                    <a:pt x="5" y="14"/>
                  </a:cubicBezTo>
                  <a:cubicBezTo>
                    <a:pt x="2" y="14"/>
                    <a:pt x="0" y="11"/>
                    <a:pt x="0" y="7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328" y="0"/>
                    <a:pt x="328" y="0"/>
                    <a:pt x="328" y="0"/>
                  </a:cubicBezTo>
                  <a:cubicBezTo>
                    <a:pt x="331" y="0"/>
                    <a:pt x="333" y="3"/>
                    <a:pt x="333" y="7"/>
                  </a:cubicBezTo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2" name="矩形 21"/>
            <p:cNvSpPr/>
            <p:nvPr/>
          </p:nvSpPr>
          <p:spPr>
            <a:xfrm>
              <a:off x="1217613" y="3656052"/>
              <a:ext cx="1325880" cy="27432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zh-CN" lang="en-US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65" typeface="方正粗宋简体"/>
                  <a:ea charset="-122" pitchFamily="65" typeface="方正粗宋简体"/>
                </a:rPr>
                <a:t>POWER POINT  05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accel="50000" fill="hold" grpId="0" id="5" nodeType="withEffect" presetClass="entr" presetID="38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dur="455" fill="hold" id="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dur="455" fill="hold" id="8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455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autoRev="1" decel="50000" dur="156" fill="hold" id="10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36" fill="hold" id="11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2" nodeType="withEffect" presetClass="entr" presetID="31" presetSubtype="0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dur="1" fill="hold" id="1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14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15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16"/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750" id="17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8" nodeType="withEffect" presetClass="entr" presetID="31" presetSubtype="0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dur="1" fill="hold" id="1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20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21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22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750" id="23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24" nodeType="withEffect" presetClass="entr" presetID="31" presetSubtype="0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dur="1" fill="hold" id="2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26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27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28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750" id="29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30" nodeType="withEffect" presetClass="entr" presetID="31" presetSubtype="0">
                                  <p:stCondLst>
                                    <p:cond delay="1700"/>
                                  </p:stCondLst>
                                  <p:childTnLst>
                                    <p:set>
                                      <p:cBhvr>
                                        <p:cTn dur="1" fill="hold" id="3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32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33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34"/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750" id="35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36" nodeType="withEffect" presetClass="entr" presetID="31" presetSubtype="0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dur="1" fill="hold" id="3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750" fill="hold" id="38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39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40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filter="fade" transition="in">
                                      <p:cBhvr>
                                        <p:cTn dur="750" id="41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2"/>
    </p:bldLst>
  </p:timing>
</p:sld>
</file>

<file path=ppt/slides/slide24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3865563" y="1937421"/>
            <a:ext cx="5491162" cy="2747963"/>
            <a:chOff x="1757363" y="1276350"/>
            <a:chExt cx="5491162" cy="2747963"/>
          </a:xfrm>
          <a:solidFill>
            <a:srgbClr val="F98377"/>
          </a:solidFill>
        </p:grpSpPr>
        <p:sp>
          <p:nvSpPr>
            <p:cNvPr id="3" name="Rectangle 6"/>
            <p:cNvSpPr>
              <a:spLocks noChangeArrowheads="1"/>
            </p:cNvSpPr>
            <p:nvPr/>
          </p:nvSpPr>
          <p:spPr bwMode="auto">
            <a:xfrm>
              <a:off x="1757363" y="1452563"/>
              <a:ext cx="112713" cy="2571750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" name="Rectangle 8"/>
            <p:cNvSpPr>
              <a:spLocks noChangeArrowheads="1"/>
            </p:cNvSpPr>
            <p:nvPr/>
          </p:nvSpPr>
          <p:spPr bwMode="auto">
            <a:xfrm>
              <a:off x="2238375" y="2165350"/>
              <a:ext cx="112713" cy="1858963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" name="Rectangle 10"/>
            <p:cNvSpPr>
              <a:spLocks noChangeArrowheads="1"/>
            </p:cNvSpPr>
            <p:nvPr/>
          </p:nvSpPr>
          <p:spPr bwMode="auto">
            <a:xfrm>
              <a:off x="6656388" y="1620838"/>
              <a:ext cx="111125" cy="2403475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" name="Rectangle 12"/>
            <p:cNvSpPr>
              <a:spLocks noChangeArrowheads="1"/>
            </p:cNvSpPr>
            <p:nvPr/>
          </p:nvSpPr>
          <p:spPr bwMode="auto">
            <a:xfrm>
              <a:off x="7137400" y="2254250"/>
              <a:ext cx="111125" cy="1770063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" name="Rectangle 14"/>
            <p:cNvSpPr>
              <a:spLocks noChangeArrowheads="1"/>
            </p:cNvSpPr>
            <p:nvPr/>
          </p:nvSpPr>
          <p:spPr bwMode="auto">
            <a:xfrm>
              <a:off x="2719388" y="1981200"/>
              <a:ext cx="112713" cy="2043113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" name="Rectangle 16"/>
            <p:cNvSpPr>
              <a:spLocks noChangeArrowheads="1"/>
            </p:cNvSpPr>
            <p:nvPr/>
          </p:nvSpPr>
          <p:spPr bwMode="auto">
            <a:xfrm>
              <a:off x="3200400" y="2717800"/>
              <a:ext cx="112713" cy="1306513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" name="Rectangle 18"/>
            <p:cNvSpPr>
              <a:spLocks noChangeArrowheads="1"/>
            </p:cNvSpPr>
            <p:nvPr/>
          </p:nvSpPr>
          <p:spPr bwMode="auto">
            <a:xfrm>
              <a:off x="3681413" y="1981200"/>
              <a:ext cx="120650" cy="2043113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0" name="Rectangle 20"/>
            <p:cNvSpPr>
              <a:spLocks noChangeArrowheads="1"/>
            </p:cNvSpPr>
            <p:nvPr/>
          </p:nvSpPr>
          <p:spPr bwMode="auto">
            <a:xfrm>
              <a:off x="4227513" y="2381250"/>
              <a:ext cx="111125" cy="1643063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1" name="Rectangle 22"/>
            <p:cNvSpPr>
              <a:spLocks noChangeArrowheads="1"/>
            </p:cNvSpPr>
            <p:nvPr/>
          </p:nvSpPr>
          <p:spPr bwMode="auto">
            <a:xfrm>
              <a:off x="4708525" y="2165350"/>
              <a:ext cx="111125" cy="1858963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2" name="Rectangle 24"/>
            <p:cNvSpPr>
              <a:spLocks noChangeArrowheads="1"/>
            </p:cNvSpPr>
            <p:nvPr/>
          </p:nvSpPr>
          <p:spPr bwMode="auto">
            <a:xfrm>
              <a:off x="5187950" y="1363663"/>
              <a:ext cx="112713" cy="2660650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3" name="Rectangle 25"/>
            <p:cNvSpPr>
              <a:spLocks noChangeArrowheads="1"/>
            </p:cNvSpPr>
            <p:nvPr/>
          </p:nvSpPr>
          <p:spPr bwMode="auto">
            <a:xfrm>
              <a:off x="5668963" y="1276350"/>
              <a:ext cx="112713" cy="2747963"/>
            </a:xfrm>
            <a:prstGeom prst="rect">
              <a:avLst/>
            </a:prstGeom>
            <a:grpFill/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4" name="Rectangle 28"/>
            <p:cNvSpPr>
              <a:spLocks noChangeArrowheads="1"/>
            </p:cNvSpPr>
            <p:nvPr/>
          </p:nvSpPr>
          <p:spPr bwMode="auto">
            <a:xfrm>
              <a:off x="6149975" y="2454275"/>
              <a:ext cx="120650" cy="1570038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978278" y="2826421"/>
            <a:ext cx="5491163" cy="1858963"/>
            <a:chOff x="1870075" y="2165350"/>
            <a:chExt cx="5491163" cy="1858963"/>
          </a:xfrm>
          <a:solidFill>
            <a:srgbClr val="9DB9B6"/>
          </a:solidFill>
        </p:grpSpPr>
        <p:sp>
          <p:nvSpPr>
            <p:cNvPr id="16" name="Rectangle 7"/>
            <p:cNvSpPr>
              <a:spLocks noChangeArrowheads="1"/>
            </p:cNvSpPr>
            <p:nvPr/>
          </p:nvSpPr>
          <p:spPr bwMode="auto">
            <a:xfrm>
              <a:off x="1870075" y="2919413"/>
              <a:ext cx="112713" cy="110490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17" name="Rectangle 9"/>
            <p:cNvSpPr>
              <a:spLocks noChangeArrowheads="1"/>
            </p:cNvSpPr>
            <p:nvPr/>
          </p:nvSpPr>
          <p:spPr bwMode="auto">
            <a:xfrm>
              <a:off x="2351088" y="3319463"/>
              <a:ext cx="112713" cy="70485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18" name="Rectangle 11"/>
            <p:cNvSpPr>
              <a:spLocks noChangeArrowheads="1"/>
            </p:cNvSpPr>
            <p:nvPr/>
          </p:nvSpPr>
          <p:spPr bwMode="auto">
            <a:xfrm>
              <a:off x="6767513" y="2919413"/>
              <a:ext cx="112713" cy="110490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19" name="Rectangle 13"/>
            <p:cNvSpPr>
              <a:spLocks noChangeArrowheads="1"/>
            </p:cNvSpPr>
            <p:nvPr/>
          </p:nvSpPr>
          <p:spPr bwMode="auto">
            <a:xfrm>
              <a:off x="7248525" y="3319463"/>
              <a:ext cx="112713" cy="70485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0" name="Rectangle 15"/>
            <p:cNvSpPr>
              <a:spLocks noChangeArrowheads="1"/>
            </p:cNvSpPr>
            <p:nvPr/>
          </p:nvSpPr>
          <p:spPr bwMode="auto">
            <a:xfrm>
              <a:off x="2832100" y="3575050"/>
              <a:ext cx="120650" cy="449263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1" name="Rectangle 17"/>
            <p:cNvSpPr>
              <a:spLocks noChangeArrowheads="1"/>
            </p:cNvSpPr>
            <p:nvPr/>
          </p:nvSpPr>
          <p:spPr bwMode="auto">
            <a:xfrm>
              <a:off x="3313113" y="2959100"/>
              <a:ext cx="120650" cy="1065213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2" name="Rectangle 19"/>
            <p:cNvSpPr>
              <a:spLocks noChangeArrowheads="1"/>
            </p:cNvSpPr>
            <p:nvPr/>
          </p:nvSpPr>
          <p:spPr bwMode="auto">
            <a:xfrm>
              <a:off x="3802063" y="3440113"/>
              <a:ext cx="112713" cy="58420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3" name="Rectangle 21"/>
            <p:cNvSpPr>
              <a:spLocks noChangeArrowheads="1"/>
            </p:cNvSpPr>
            <p:nvPr/>
          </p:nvSpPr>
          <p:spPr bwMode="auto">
            <a:xfrm>
              <a:off x="4338638" y="2919413"/>
              <a:ext cx="112713" cy="110490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4" name="Rectangle 23"/>
            <p:cNvSpPr>
              <a:spLocks noChangeArrowheads="1"/>
            </p:cNvSpPr>
            <p:nvPr/>
          </p:nvSpPr>
          <p:spPr bwMode="auto">
            <a:xfrm>
              <a:off x="4819650" y="2598738"/>
              <a:ext cx="112713" cy="1425575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5" name="Rectangle 26"/>
            <p:cNvSpPr>
              <a:spLocks noChangeArrowheads="1"/>
            </p:cNvSpPr>
            <p:nvPr/>
          </p:nvSpPr>
          <p:spPr bwMode="auto">
            <a:xfrm>
              <a:off x="5781675" y="2165350"/>
              <a:ext cx="120650" cy="1858963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6" name="Rectangle 27"/>
            <p:cNvSpPr>
              <a:spLocks noChangeArrowheads="1"/>
            </p:cNvSpPr>
            <p:nvPr/>
          </p:nvSpPr>
          <p:spPr bwMode="auto">
            <a:xfrm>
              <a:off x="5300663" y="2438400"/>
              <a:ext cx="120650" cy="1585913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7" name="Rectangle 29"/>
            <p:cNvSpPr>
              <a:spLocks noChangeArrowheads="1"/>
            </p:cNvSpPr>
            <p:nvPr/>
          </p:nvSpPr>
          <p:spPr bwMode="auto">
            <a:xfrm>
              <a:off x="6270625" y="2541588"/>
              <a:ext cx="112713" cy="1482725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  <a:ex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3675204" y="4677441"/>
            <a:ext cx="6094631" cy="344095"/>
            <a:chOff x="1567001" y="4016375"/>
            <a:chExt cx="6094631" cy="344095"/>
          </a:xfrm>
        </p:grpSpPr>
        <p:sp>
          <p:nvSpPr>
            <p:cNvPr id="29" name="Rectangle 30"/>
            <p:cNvSpPr>
              <a:spLocks noChangeArrowheads="1"/>
            </p:cNvSpPr>
            <p:nvPr/>
          </p:nvSpPr>
          <p:spPr bwMode="auto">
            <a:xfrm>
              <a:off x="1757363" y="4016375"/>
              <a:ext cx="5603875" cy="15875"/>
            </a:xfrm>
            <a:prstGeom prst="rect">
              <a:avLst/>
            </a:prstGeom>
            <a:solidFill>
              <a:schemeClr val="tx1">
                <a:lumMod val="95000"/>
                <a:lumOff val="5000"/>
              </a:schemeClr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0" name="矩形 29"/>
            <p:cNvSpPr/>
            <p:nvPr/>
          </p:nvSpPr>
          <p:spPr>
            <a:xfrm>
              <a:off x="15670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一月</a:t>
              </a:r>
            </a:p>
          </p:txBody>
        </p:sp>
        <p:sp>
          <p:nvSpPr>
            <p:cNvPr id="31" name="矩形 30"/>
            <p:cNvSpPr/>
            <p:nvPr/>
          </p:nvSpPr>
          <p:spPr>
            <a:xfrm>
              <a:off x="20496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二月</a:t>
              </a:r>
            </a:p>
          </p:txBody>
        </p:sp>
        <p:sp>
          <p:nvSpPr>
            <p:cNvPr id="32" name="矩形 31"/>
            <p:cNvSpPr/>
            <p:nvPr/>
          </p:nvSpPr>
          <p:spPr>
            <a:xfrm>
              <a:off x="25576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三月</a:t>
              </a:r>
            </a:p>
          </p:txBody>
        </p:sp>
        <p:sp>
          <p:nvSpPr>
            <p:cNvPr id="33" name="矩形 32"/>
            <p:cNvSpPr/>
            <p:nvPr/>
          </p:nvSpPr>
          <p:spPr>
            <a:xfrm>
              <a:off x="30021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四月</a:t>
              </a:r>
            </a:p>
          </p:txBody>
        </p:sp>
        <p:sp>
          <p:nvSpPr>
            <p:cNvPr id="34" name="矩形 33"/>
            <p:cNvSpPr/>
            <p:nvPr/>
          </p:nvSpPr>
          <p:spPr>
            <a:xfrm>
              <a:off x="34974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五月</a:t>
              </a:r>
            </a:p>
          </p:txBody>
        </p:sp>
        <p:sp>
          <p:nvSpPr>
            <p:cNvPr id="35" name="矩形 34"/>
            <p:cNvSpPr/>
            <p:nvPr/>
          </p:nvSpPr>
          <p:spPr>
            <a:xfrm>
              <a:off x="40689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六月</a:t>
              </a:r>
            </a:p>
          </p:txBody>
        </p:sp>
        <p:sp>
          <p:nvSpPr>
            <p:cNvPr id="36" name="矩形 35"/>
            <p:cNvSpPr/>
            <p:nvPr/>
          </p:nvSpPr>
          <p:spPr>
            <a:xfrm>
              <a:off x="45515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七月</a:t>
              </a:r>
            </a:p>
          </p:txBody>
        </p:sp>
        <p:sp>
          <p:nvSpPr>
            <p:cNvPr id="37" name="矩形 36"/>
            <p:cNvSpPr/>
            <p:nvPr/>
          </p:nvSpPr>
          <p:spPr>
            <a:xfrm>
              <a:off x="50341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八月</a:t>
              </a:r>
            </a:p>
          </p:txBody>
        </p:sp>
        <p:sp>
          <p:nvSpPr>
            <p:cNvPr id="38" name="矩形 37"/>
            <p:cNvSpPr/>
            <p:nvPr/>
          </p:nvSpPr>
          <p:spPr>
            <a:xfrm>
              <a:off x="55421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九月</a:t>
              </a:r>
            </a:p>
          </p:txBody>
        </p:sp>
        <p:sp>
          <p:nvSpPr>
            <p:cNvPr id="39" name="矩形 38"/>
            <p:cNvSpPr/>
            <p:nvPr/>
          </p:nvSpPr>
          <p:spPr>
            <a:xfrm>
              <a:off x="5986601" y="4046538"/>
              <a:ext cx="4876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十月</a:t>
              </a:r>
            </a:p>
          </p:txBody>
        </p:sp>
        <p:sp>
          <p:nvSpPr>
            <p:cNvPr id="40" name="矩形 39"/>
            <p:cNvSpPr/>
            <p:nvPr/>
          </p:nvSpPr>
          <p:spPr>
            <a:xfrm>
              <a:off x="6481900" y="4046538"/>
              <a:ext cx="6400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十一月</a:t>
              </a:r>
            </a:p>
          </p:txBody>
        </p:sp>
        <p:sp>
          <p:nvSpPr>
            <p:cNvPr id="41" name="矩形 40"/>
            <p:cNvSpPr/>
            <p:nvPr/>
          </p:nvSpPr>
          <p:spPr>
            <a:xfrm>
              <a:off x="7015302" y="4046538"/>
              <a:ext cx="6400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十二月</a:t>
              </a:r>
            </a:p>
          </p:txBody>
        </p:sp>
      </p:grpSp>
      <p:grpSp>
        <p:nvGrpSpPr>
          <p:cNvPr id="42" name="组合 41"/>
          <p:cNvGrpSpPr/>
          <p:nvPr/>
        </p:nvGrpSpPr>
        <p:grpSpPr>
          <a:xfrm>
            <a:off x="2090816" y="2583533"/>
            <a:ext cx="1184196" cy="1532684"/>
            <a:chOff x="566816" y="1909763"/>
            <a:chExt cx="1184196" cy="1532684"/>
          </a:xfrm>
        </p:grpSpPr>
        <p:sp>
          <p:nvSpPr>
            <p:cNvPr id="43" name="Freeform 71"/>
            <p:cNvSpPr>
              <a:spLocks noEditPoints="1"/>
            </p:cNvSpPr>
            <p:nvPr/>
          </p:nvSpPr>
          <p:spPr bwMode="auto">
            <a:xfrm>
              <a:off x="808038" y="1909763"/>
              <a:ext cx="942974" cy="912813"/>
            </a:xfrm>
            <a:custGeom>
              <a:gdLst>
                <a:gd fmla="*/ 44 w 93" name="T0"/>
                <a:gd fmla="*/ 0 h 90" name="T1"/>
                <a:gd fmla="*/ 83 w 93" name="T2"/>
                <a:gd fmla="*/ 0 h 90" name="T3"/>
                <a:gd fmla="*/ 90 w 93" name="T4"/>
                <a:gd fmla="*/ 3 h 90" name="T5"/>
                <a:gd fmla="*/ 93 w 93" name="T6"/>
                <a:gd fmla="*/ 11 h 90" name="T7"/>
                <a:gd fmla="*/ 93 w 93" name="T8"/>
                <a:gd fmla="*/ 33 h 90" name="T9"/>
                <a:gd fmla="*/ 90 w 93" name="T10"/>
                <a:gd fmla="*/ 40 h 90" name="T11"/>
                <a:gd fmla="*/ 83 w 93" name="T12"/>
                <a:gd fmla="*/ 43 h 90" name="T13"/>
                <a:gd fmla="*/ 61 w 93" name="T14"/>
                <a:gd fmla="*/ 43 h 90" name="T15"/>
                <a:gd fmla="*/ 50 w 93" name="T16"/>
                <a:gd fmla="*/ 53 h 90" name="T17"/>
                <a:gd fmla="*/ 49 w 93" name="T18"/>
                <a:gd fmla="*/ 52 h 90" name="T19"/>
                <a:gd fmla="*/ 46 w 93" name="T20"/>
                <a:gd fmla="*/ 50 h 90" name="T21"/>
                <a:gd fmla="*/ 48 w 93" name="T22"/>
                <a:gd fmla="*/ 43 h 90" name="T23"/>
                <a:gd fmla="*/ 47 w 93" name="T24"/>
                <a:gd fmla="*/ 43 h 90" name="T25"/>
                <a:gd fmla="*/ 48 w 93" name="T26"/>
                <a:gd fmla="*/ 39 h 90" name="T27"/>
                <a:gd fmla="*/ 51 w 93" name="T28"/>
                <a:gd fmla="*/ 39 h 90" name="T29"/>
                <a:gd fmla="*/ 54 w 93" name="T30"/>
                <a:gd fmla="*/ 39 h 90" name="T31"/>
                <a:gd fmla="*/ 53 w 93" name="T32"/>
                <a:gd fmla="*/ 41 h 90" name="T33"/>
                <a:gd fmla="*/ 52 w 93" name="T34"/>
                <a:gd fmla="*/ 44 h 90" name="T35"/>
                <a:gd fmla="*/ 58 w 93" name="T36"/>
                <a:gd fmla="*/ 39 h 90" name="T37"/>
                <a:gd fmla="*/ 59 w 93" name="T38"/>
                <a:gd fmla="*/ 39 h 90" name="T39"/>
                <a:gd fmla="*/ 60 w 93" name="T40"/>
                <a:gd fmla="*/ 39 h 90" name="T41"/>
                <a:gd fmla="*/ 83 w 93" name="T42"/>
                <a:gd fmla="*/ 39 h 90" name="T43"/>
                <a:gd fmla="*/ 87 w 93" name="T44"/>
                <a:gd fmla="*/ 37 h 90" name="T45"/>
                <a:gd fmla="*/ 89 w 93" name="T46"/>
                <a:gd fmla="*/ 33 h 90" name="T47"/>
                <a:gd fmla="*/ 89 w 93" name="T48"/>
                <a:gd fmla="*/ 11 h 90" name="T49"/>
                <a:gd fmla="*/ 87 w 93" name="T50"/>
                <a:gd fmla="*/ 7 h 90" name="T51"/>
                <a:gd fmla="*/ 83 w 93" name="T52"/>
                <a:gd fmla="*/ 5 h 90" name="T53"/>
                <a:gd fmla="*/ 44 w 93" name="T54"/>
                <a:gd fmla="*/ 5 h 90" name="T55"/>
                <a:gd fmla="*/ 39 w 93" name="T56"/>
                <a:gd fmla="*/ 7 h 90" name="T57"/>
                <a:gd fmla="*/ 38 w 93" name="T58"/>
                <a:gd fmla="*/ 11 h 90" name="T59"/>
                <a:gd fmla="*/ 38 w 93" name="T60"/>
                <a:gd fmla="*/ 14 h 90" name="T61"/>
                <a:gd fmla="*/ 33 w 93" name="T62"/>
                <a:gd fmla="*/ 12 h 90" name="T63"/>
                <a:gd fmla="*/ 33 w 93" name="T64"/>
                <a:gd fmla="*/ 11 h 90" name="T65"/>
                <a:gd fmla="*/ 36 w 93" name="T66"/>
                <a:gd fmla="*/ 3 h 90" name="T67"/>
                <a:gd fmla="*/ 44 w 93" name="T68"/>
                <a:gd fmla="*/ 0 h 90" name="T69"/>
                <a:gd fmla="*/ 75 w 93" name="T70"/>
                <a:gd fmla="*/ 18 h 90" name="T71"/>
                <a:gd fmla="*/ 71 w 93" name="T72"/>
                <a:gd fmla="*/ 22 h 90" name="T73"/>
                <a:gd fmla="*/ 75 w 93" name="T74"/>
                <a:gd fmla="*/ 25 h 90" name="T75"/>
                <a:gd fmla="*/ 79 w 93" name="T76"/>
                <a:gd fmla="*/ 22 h 90" name="T77"/>
                <a:gd fmla="*/ 75 w 93" name="T78"/>
                <a:gd fmla="*/ 18 h 90" name="T79"/>
                <a:gd fmla="*/ 63 w 93" name="T80"/>
                <a:gd fmla="*/ 18 h 90" name="T81"/>
                <a:gd fmla="*/ 59 w 93" name="T82"/>
                <a:gd fmla="*/ 22 h 90" name="T83"/>
                <a:gd fmla="*/ 63 w 93" name="T84"/>
                <a:gd fmla="*/ 25 h 90" name="T85"/>
                <a:gd fmla="*/ 67 w 93" name="T86"/>
                <a:gd fmla="*/ 22 h 90" name="T87"/>
                <a:gd fmla="*/ 63 w 93" name="T88"/>
                <a:gd fmla="*/ 18 h 90" name="T89"/>
                <a:gd fmla="*/ 51 w 93" name="T90"/>
                <a:gd fmla="*/ 18 h 90" name="T91"/>
                <a:gd fmla="*/ 48 w 93" name="T92"/>
                <a:gd fmla="*/ 22 h 90" name="T93"/>
                <a:gd fmla="*/ 51 w 93" name="T94"/>
                <a:gd fmla="*/ 25 h 90" name="T95"/>
                <a:gd fmla="*/ 55 w 93" name="T96"/>
                <a:gd fmla="*/ 22 h 90" name="T97"/>
                <a:gd fmla="*/ 51 w 93" name="T98"/>
                <a:gd fmla="*/ 18 h 90" name="T99"/>
                <a:gd fmla="*/ 27 w 93" name="T100"/>
                <a:gd fmla="*/ 18 h 90" name="T101"/>
                <a:gd fmla="*/ 12 w 93" name="T102"/>
                <a:gd fmla="*/ 33 h 90" name="T103"/>
                <a:gd fmla="*/ 27 w 93" name="T104"/>
                <a:gd fmla="*/ 48 h 90" name="T105"/>
                <a:gd fmla="*/ 43 w 93" name="T106"/>
                <a:gd fmla="*/ 33 h 90" name="T107"/>
                <a:gd fmla="*/ 27 w 93" name="T108"/>
                <a:gd fmla="*/ 18 h 90" name="T109"/>
                <a:gd fmla="*/ 55 w 93" name="T110"/>
                <a:gd fmla="*/ 82 h 90" name="T111"/>
                <a:gd fmla="*/ 38 w 93" name="T112"/>
                <a:gd fmla="*/ 53 h 90" name="T113"/>
                <a:gd fmla="*/ 28 w 93" name="T114"/>
                <a:gd fmla="*/ 69 h 90" name="T115"/>
                <a:gd fmla="*/ 18 w 93" name="T116"/>
                <a:gd fmla="*/ 53 h 90" name="T117"/>
                <a:gd fmla="*/ 0 w 93" name="T118"/>
                <a:gd fmla="*/ 82 h 90" name="T119"/>
                <a:gd fmla="*/ 55 w 93" name="T120"/>
                <a:gd fmla="*/ 82 h 90" name="T12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</a:cxnLst>
              <a:rect b="b" l="0" r="r" t="0"/>
              <a:pathLst>
                <a:path h="90" w="93">
                  <a:moveTo>
                    <a:pt x="44" y="0"/>
                  </a:moveTo>
                  <a:cubicBezTo>
                    <a:pt x="83" y="0"/>
                    <a:pt x="83" y="0"/>
                    <a:pt x="83" y="0"/>
                  </a:cubicBezTo>
                  <a:cubicBezTo>
                    <a:pt x="86" y="0"/>
                    <a:pt x="88" y="1"/>
                    <a:pt x="90" y="3"/>
                  </a:cubicBezTo>
                  <a:cubicBezTo>
                    <a:pt x="92" y="5"/>
                    <a:pt x="93" y="8"/>
                    <a:pt x="93" y="11"/>
                  </a:cubicBezTo>
                  <a:cubicBezTo>
                    <a:pt x="93" y="33"/>
                    <a:pt x="93" y="33"/>
                    <a:pt x="93" y="33"/>
                  </a:cubicBezTo>
                  <a:cubicBezTo>
                    <a:pt x="93" y="36"/>
                    <a:pt x="92" y="38"/>
                    <a:pt x="90" y="40"/>
                  </a:cubicBezTo>
                  <a:cubicBezTo>
                    <a:pt x="88" y="42"/>
                    <a:pt x="86" y="43"/>
                    <a:pt x="83" y="43"/>
                  </a:cubicBezTo>
                  <a:cubicBezTo>
                    <a:pt x="61" y="43"/>
                    <a:pt x="61" y="43"/>
                    <a:pt x="61" y="43"/>
                  </a:cubicBezTo>
                  <a:cubicBezTo>
                    <a:pt x="50" y="53"/>
                    <a:pt x="50" y="53"/>
                    <a:pt x="50" y="53"/>
                  </a:cubicBezTo>
                  <a:cubicBezTo>
                    <a:pt x="49" y="52"/>
                    <a:pt x="49" y="52"/>
                    <a:pt x="49" y="52"/>
                  </a:cubicBezTo>
                  <a:cubicBezTo>
                    <a:pt x="48" y="52"/>
                    <a:pt x="47" y="51"/>
                    <a:pt x="46" y="50"/>
                  </a:cubicBezTo>
                  <a:cubicBezTo>
                    <a:pt x="48" y="43"/>
                    <a:pt x="48" y="43"/>
                    <a:pt x="48" y="43"/>
                  </a:cubicBezTo>
                  <a:cubicBezTo>
                    <a:pt x="47" y="43"/>
                    <a:pt x="47" y="43"/>
                    <a:pt x="47" y="43"/>
                  </a:cubicBezTo>
                  <a:cubicBezTo>
                    <a:pt x="47" y="42"/>
                    <a:pt x="48" y="40"/>
                    <a:pt x="48" y="39"/>
                  </a:cubicBezTo>
                  <a:cubicBezTo>
                    <a:pt x="51" y="39"/>
                    <a:pt x="51" y="39"/>
                    <a:pt x="51" y="39"/>
                  </a:cubicBezTo>
                  <a:cubicBezTo>
                    <a:pt x="54" y="39"/>
                    <a:pt x="54" y="39"/>
                    <a:pt x="54" y="39"/>
                  </a:cubicBezTo>
                  <a:cubicBezTo>
                    <a:pt x="53" y="41"/>
                    <a:pt x="53" y="41"/>
                    <a:pt x="53" y="41"/>
                  </a:cubicBezTo>
                  <a:cubicBezTo>
                    <a:pt x="52" y="44"/>
                    <a:pt x="52" y="44"/>
                    <a:pt x="52" y="44"/>
                  </a:cubicBezTo>
                  <a:cubicBezTo>
                    <a:pt x="58" y="39"/>
                    <a:pt x="58" y="39"/>
                    <a:pt x="58" y="39"/>
                  </a:cubicBezTo>
                  <a:cubicBezTo>
                    <a:pt x="59" y="39"/>
                    <a:pt x="59" y="39"/>
                    <a:pt x="59" y="39"/>
                  </a:cubicBezTo>
                  <a:cubicBezTo>
                    <a:pt x="60" y="39"/>
                    <a:pt x="60" y="39"/>
                    <a:pt x="60" y="39"/>
                  </a:cubicBezTo>
                  <a:cubicBezTo>
                    <a:pt x="83" y="39"/>
                    <a:pt x="83" y="39"/>
                    <a:pt x="83" y="39"/>
                  </a:cubicBezTo>
                  <a:cubicBezTo>
                    <a:pt x="84" y="39"/>
                    <a:pt x="86" y="38"/>
                    <a:pt x="87" y="37"/>
                  </a:cubicBezTo>
                  <a:cubicBezTo>
                    <a:pt x="88" y="36"/>
                    <a:pt x="89" y="34"/>
                    <a:pt x="89" y="33"/>
                  </a:cubicBezTo>
                  <a:cubicBezTo>
                    <a:pt x="89" y="11"/>
                    <a:pt x="89" y="11"/>
                    <a:pt x="89" y="11"/>
                  </a:cubicBezTo>
                  <a:cubicBezTo>
                    <a:pt x="89" y="9"/>
                    <a:pt x="88" y="8"/>
                    <a:pt x="87" y="7"/>
                  </a:cubicBezTo>
                  <a:cubicBezTo>
                    <a:pt x="86" y="6"/>
                    <a:pt x="84" y="5"/>
                    <a:pt x="83" y="5"/>
                  </a:cubicBezTo>
                  <a:cubicBezTo>
                    <a:pt x="44" y="5"/>
                    <a:pt x="44" y="5"/>
                    <a:pt x="44" y="5"/>
                  </a:cubicBezTo>
                  <a:cubicBezTo>
                    <a:pt x="42" y="5"/>
                    <a:pt x="40" y="6"/>
                    <a:pt x="39" y="7"/>
                  </a:cubicBezTo>
                  <a:cubicBezTo>
                    <a:pt x="38" y="8"/>
                    <a:pt x="38" y="9"/>
                    <a:pt x="38" y="11"/>
                  </a:cubicBezTo>
                  <a:cubicBezTo>
                    <a:pt x="38" y="14"/>
                    <a:pt x="38" y="14"/>
                    <a:pt x="38" y="14"/>
                  </a:cubicBezTo>
                  <a:cubicBezTo>
                    <a:pt x="36" y="13"/>
                    <a:pt x="35" y="12"/>
                    <a:pt x="33" y="12"/>
                  </a:cubicBezTo>
                  <a:cubicBezTo>
                    <a:pt x="33" y="11"/>
                    <a:pt x="33" y="11"/>
                    <a:pt x="33" y="11"/>
                  </a:cubicBezTo>
                  <a:cubicBezTo>
                    <a:pt x="33" y="8"/>
                    <a:pt x="34" y="5"/>
                    <a:pt x="36" y="3"/>
                  </a:cubicBezTo>
                  <a:cubicBezTo>
                    <a:pt x="38" y="1"/>
                    <a:pt x="41" y="0"/>
                    <a:pt x="44" y="0"/>
                  </a:cubicBezTo>
                  <a:close/>
                  <a:moveTo>
                    <a:pt x="75" y="18"/>
                  </a:moveTo>
                  <a:cubicBezTo>
                    <a:pt x="73" y="18"/>
                    <a:pt x="71" y="19"/>
                    <a:pt x="71" y="22"/>
                  </a:cubicBezTo>
                  <a:cubicBezTo>
                    <a:pt x="71" y="24"/>
                    <a:pt x="73" y="25"/>
                    <a:pt x="75" y="25"/>
                  </a:cubicBezTo>
                  <a:cubicBezTo>
                    <a:pt x="77" y="25"/>
                    <a:pt x="79" y="24"/>
                    <a:pt x="79" y="22"/>
                  </a:cubicBezTo>
                  <a:cubicBezTo>
                    <a:pt x="79" y="19"/>
                    <a:pt x="77" y="18"/>
                    <a:pt x="75" y="18"/>
                  </a:cubicBezTo>
                  <a:close/>
                  <a:moveTo>
                    <a:pt x="63" y="18"/>
                  </a:moveTo>
                  <a:cubicBezTo>
                    <a:pt x="61" y="18"/>
                    <a:pt x="59" y="19"/>
                    <a:pt x="59" y="22"/>
                  </a:cubicBezTo>
                  <a:cubicBezTo>
                    <a:pt x="59" y="24"/>
                    <a:pt x="61" y="25"/>
                    <a:pt x="63" y="25"/>
                  </a:cubicBezTo>
                  <a:cubicBezTo>
                    <a:pt x="65" y="25"/>
                    <a:pt x="67" y="24"/>
                    <a:pt x="67" y="22"/>
                  </a:cubicBezTo>
                  <a:cubicBezTo>
                    <a:pt x="67" y="19"/>
                    <a:pt x="65" y="18"/>
                    <a:pt x="63" y="18"/>
                  </a:cubicBezTo>
                  <a:close/>
                  <a:moveTo>
                    <a:pt x="51" y="18"/>
                  </a:moveTo>
                  <a:cubicBezTo>
                    <a:pt x="49" y="18"/>
                    <a:pt x="48" y="19"/>
                    <a:pt x="48" y="22"/>
                  </a:cubicBezTo>
                  <a:cubicBezTo>
                    <a:pt x="48" y="24"/>
                    <a:pt x="49" y="25"/>
                    <a:pt x="51" y="25"/>
                  </a:cubicBezTo>
                  <a:cubicBezTo>
                    <a:pt x="54" y="25"/>
                    <a:pt x="55" y="24"/>
                    <a:pt x="55" y="22"/>
                  </a:cubicBezTo>
                  <a:cubicBezTo>
                    <a:pt x="55" y="19"/>
                    <a:pt x="54" y="18"/>
                    <a:pt x="51" y="18"/>
                  </a:cubicBezTo>
                  <a:close/>
                  <a:moveTo>
                    <a:pt x="27" y="18"/>
                  </a:moveTo>
                  <a:cubicBezTo>
                    <a:pt x="19" y="18"/>
                    <a:pt x="12" y="24"/>
                    <a:pt x="12" y="33"/>
                  </a:cubicBezTo>
                  <a:cubicBezTo>
                    <a:pt x="12" y="42"/>
                    <a:pt x="19" y="48"/>
                    <a:pt x="27" y="48"/>
                  </a:cubicBezTo>
                  <a:cubicBezTo>
                    <a:pt x="36" y="48"/>
                    <a:pt x="43" y="42"/>
                    <a:pt x="43" y="33"/>
                  </a:cubicBezTo>
                  <a:cubicBezTo>
                    <a:pt x="43" y="24"/>
                    <a:pt x="36" y="18"/>
                    <a:pt x="27" y="18"/>
                  </a:cubicBezTo>
                  <a:close/>
                  <a:moveTo>
                    <a:pt x="55" y="82"/>
                  </a:moveTo>
                  <a:cubicBezTo>
                    <a:pt x="55" y="67"/>
                    <a:pt x="47" y="57"/>
                    <a:pt x="38" y="53"/>
                  </a:cubicBezTo>
                  <a:cubicBezTo>
                    <a:pt x="28" y="69"/>
                    <a:pt x="28" y="69"/>
                    <a:pt x="28" y="69"/>
                  </a:cubicBezTo>
                  <a:cubicBezTo>
                    <a:pt x="18" y="53"/>
                    <a:pt x="18" y="53"/>
                    <a:pt x="18" y="53"/>
                  </a:cubicBezTo>
                  <a:cubicBezTo>
                    <a:pt x="8" y="57"/>
                    <a:pt x="0" y="66"/>
                    <a:pt x="0" y="82"/>
                  </a:cubicBezTo>
                  <a:cubicBezTo>
                    <a:pt x="20" y="90"/>
                    <a:pt x="38" y="89"/>
                    <a:pt x="55" y="82"/>
                  </a:cubicBez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grpSp>
          <p:nvGrpSpPr>
            <p:cNvPr id="44" name="组合 43"/>
            <p:cNvGrpSpPr/>
            <p:nvPr/>
          </p:nvGrpSpPr>
          <p:grpSpPr>
            <a:xfrm>
              <a:off x="566816" y="2887215"/>
              <a:ext cx="1107996" cy="555232"/>
              <a:chOff x="452516" y="2963415"/>
              <a:chExt cx="1107996" cy="555232"/>
            </a:xfrm>
          </p:grpSpPr>
          <p:sp>
            <p:nvSpPr>
              <p:cNvPr id="45" name="矩形 44"/>
              <p:cNvSpPr/>
              <p:nvPr/>
            </p:nvSpPr>
            <p:spPr>
              <a:xfrm>
                <a:off x="452516" y="2963415"/>
                <a:ext cx="1097280" cy="31089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defTabSz="185738">
                  <a:lnSpc>
                    <a:spcPct val="120000"/>
                  </a:lnSpc>
                </a:pPr>
                <a:r>
                  <a:rPr altLang="en-US" kern="0" lang="zh-CN" sz="120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添加文字内容</a:t>
                </a:r>
              </a:p>
            </p:txBody>
          </p:sp>
          <p:sp>
            <p:nvSpPr>
              <p:cNvPr id="46" name="矩形 45"/>
              <p:cNvSpPr/>
              <p:nvPr/>
            </p:nvSpPr>
            <p:spPr>
              <a:xfrm>
                <a:off x="452516" y="3204714"/>
                <a:ext cx="1097280" cy="31089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defTabSz="185738">
                  <a:lnSpc>
                    <a:spcPct val="120000"/>
                  </a:lnSpc>
                </a:pPr>
                <a:r>
                  <a:rPr altLang="en-US" kern="0" lang="zh-CN" sz="120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添加文字内容</a:t>
                </a:r>
              </a:p>
            </p:txBody>
          </p:sp>
        </p:grp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42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500" id="7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500" fill="hold" id="8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9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22" presetSubtype="4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12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3" nodeType="withEffect" presetClass="entr" presetID="22" presetSubtype="4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dur="1" fill="hold" id="14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15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6" nodeType="withEffect" presetClass="entr" presetID="22" presetSubtype="4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18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31" name="矩形 30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<a:prstTxWarp prst="textNoShape">
              <a:avLst/>
            </a:prstTxWarp>
            <a:noAutofit/>
          </a:bodyPr>
          <a:lstStyle/>
          <a:p>
            <a:pPr algn="ctr"/>
            <a:endParaRPr altLang="en-US" lang="zh-CN"/>
          </a:p>
        </p:txBody>
      </p:sp>
      <p:grpSp>
        <p:nvGrpSpPr>
          <p:cNvPr id="32" name="组合 31"/>
          <p:cNvGrpSpPr/>
          <p:nvPr/>
        </p:nvGrpSpPr>
        <p:grpSpPr>
          <a:xfrm>
            <a:off x="2385819" y="2996146"/>
            <a:ext cx="936104" cy="936104"/>
            <a:chOff x="971600" y="1635646"/>
            <a:chExt cx="936104" cy="936104"/>
          </a:xfrm>
        </p:grpSpPr>
        <p:sp>
          <p:nvSpPr>
            <p:cNvPr id="33" name="椭圆 32"/>
            <p:cNvSpPr/>
            <p:nvPr/>
          </p:nvSpPr>
          <p:spPr>
            <a:xfrm>
              <a:off x="971600" y="1635646"/>
              <a:ext cx="936104" cy="936104"/>
            </a:xfrm>
            <a:prstGeom prst="ellipse">
              <a:avLst/>
            </a:prstGeom>
            <a:noFill/>
            <a:ln w="19050">
              <a:solidFill>
                <a:schemeClr val="tx1">
                  <a:lumMod val="65000"/>
                  <a:lumOff val="3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>
                <a:solidFill>
                  <a:schemeClr val="bg1">
                    <a:lumMod val="50000"/>
                  </a:schemeClr>
                </a:solidFill>
              </a:endParaRP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1135417" y="1744378"/>
              <a:ext cx="462280" cy="7620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4400">
                  <a:solidFill>
                    <a:schemeClr val="tx1">
                      <a:lumMod val="65000"/>
                      <a:lumOff val="35000"/>
                    </a:schemeClr>
                  </a:solidFill>
                  <a:latin charset="-122" pitchFamily="2" typeface="方正正中黑简体"/>
                  <a:ea charset="-122" pitchFamily="2" typeface="方正正中黑简体"/>
                </a:rPr>
                <a:t>4</a:t>
              </a:r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5322601" y="1947593"/>
            <a:ext cx="2349499" cy="2057471"/>
            <a:chOff x="3482595" y="805643"/>
            <a:chExt cx="2349499" cy="2057471"/>
          </a:xfrm>
        </p:grpSpPr>
        <p:grpSp>
          <p:nvGrpSpPr>
            <p:cNvPr id="36" name="组合 35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38" name="任意多边形 3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39" name="任意多边形 3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37" name="矩形 36"/>
            <p:cNvSpPr/>
            <p:nvPr/>
          </p:nvSpPr>
          <p:spPr>
            <a:xfrm rot="3269671">
              <a:off x="3704681" y="1542935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40" name="组合 39"/>
          <p:cNvGrpSpPr/>
          <p:nvPr/>
        </p:nvGrpSpPr>
        <p:grpSpPr>
          <a:xfrm>
            <a:off x="6478511" y="2011091"/>
            <a:ext cx="2349499" cy="1993973"/>
            <a:chOff x="4716310" y="869141"/>
            <a:chExt cx="2349499" cy="1993973"/>
          </a:xfrm>
        </p:grpSpPr>
        <p:grpSp>
          <p:nvGrpSpPr>
            <p:cNvPr id="41" name="组合 40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43" name="任意多边形 4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44" name="任意多边形 43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2" name="矩形 41"/>
            <p:cNvSpPr/>
            <p:nvPr/>
          </p:nvSpPr>
          <p:spPr>
            <a:xfrm rot="3257822">
              <a:off x="4983724" y="1606446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7634419" y="1972991"/>
            <a:ext cx="2349499" cy="2032072"/>
            <a:chOff x="6138710" y="831042"/>
            <a:chExt cx="2349499" cy="2032072"/>
          </a:xfrm>
        </p:grpSpPr>
        <p:grpSp>
          <p:nvGrpSpPr>
            <p:cNvPr id="46" name="组合 45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48" name="任意多边形 4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49" name="任意多边形 4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7" name="矩形 46"/>
            <p:cNvSpPr/>
            <p:nvPr/>
          </p:nvSpPr>
          <p:spPr>
            <a:xfrm rot="3279009">
              <a:off x="6360817" y="1568323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50" name="组合 49"/>
          <p:cNvGrpSpPr/>
          <p:nvPr/>
        </p:nvGrpSpPr>
        <p:grpSpPr>
          <a:xfrm>
            <a:off x="4166693" y="1972993"/>
            <a:ext cx="2349499" cy="2032071"/>
            <a:chOff x="3482595" y="831043"/>
            <a:chExt cx="2349499" cy="2032071"/>
          </a:xfrm>
        </p:grpSpPr>
        <p:grpSp>
          <p:nvGrpSpPr>
            <p:cNvPr id="51" name="组合 50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53" name="任意多边形 5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54" name="任意多边形 53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52" name="矩形 51"/>
            <p:cNvSpPr/>
            <p:nvPr/>
          </p:nvSpPr>
          <p:spPr>
            <a:xfrm rot="3273216">
              <a:off x="3679288" y="1568330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55" name="组合 54"/>
          <p:cNvGrpSpPr/>
          <p:nvPr/>
        </p:nvGrpSpPr>
        <p:grpSpPr>
          <a:xfrm>
            <a:off x="7634419" y="2023005"/>
            <a:ext cx="2829559" cy="2661364"/>
            <a:chOff x="2171701" y="890977"/>
            <a:chExt cx="2829559" cy="2661364"/>
          </a:xfrm>
        </p:grpSpPr>
        <p:grpSp>
          <p:nvGrpSpPr>
            <p:cNvPr id="56" name="组合 55"/>
            <p:cNvGrpSpPr/>
            <p:nvPr/>
          </p:nvGrpSpPr>
          <p:grpSpPr>
            <a:xfrm>
              <a:off x="2171701" y="939799"/>
              <a:ext cx="2829559" cy="2612542"/>
              <a:chOff x="2171701" y="939799"/>
              <a:chExt cx="2829559" cy="2612542"/>
            </a:xfrm>
          </p:grpSpPr>
          <p:sp>
            <p:nvSpPr>
              <p:cNvPr id="58" name="任意多边形 5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30969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30969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30969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30969" y="0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59" name="任意多边形 58"/>
              <p:cNvSpPr/>
              <p:nvPr/>
            </p:nvSpPr>
            <p:spPr>
              <a:xfrm>
                <a:off x="2298700" y="939799"/>
                <a:ext cx="2702560" cy="2612542"/>
              </a:xfrm>
              <a:custGeom>
                <a:gdLst>
                  <a:gd fmla="*/ 0 w 2702560" name="connsiteX0"/>
                  <a:gd fmla="*/ 0 h 1907295" name="connsiteY0"/>
                  <a:gd fmla="*/ 1898968 w 2702560" name="connsiteX1"/>
                  <a:gd fmla="*/ 1907295 h 1907295" name="connsiteY1"/>
                  <a:gd fmla="*/ 2702560 w 2702560" name="connsiteX2"/>
                  <a:gd fmla="*/ 1904654 h 1907295" name="connsiteY2"/>
                  <a:gd fmla="*/ 825500 w 2702560" name="connsiteX3"/>
                  <a:gd fmla="*/ 0 h 1907295" name="connsiteY3"/>
                  <a:gd fmla="*/ 0 w 2702560" name="connsiteX4"/>
                  <a:gd fmla="*/ 0 h 1907295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907295" w="2702560">
                    <a:moveTo>
                      <a:pt x="0" y="0"/>
                    </a:moveTo>
                    <a:lnTo>
                      <a:pt x="1898968" y="1907295"/>
                    </a:lnTo>
                    <a:lnTo>
                      <a:pt x="2702560" y="1904654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57" name="矩形 56"/>
            <p:cNvSpPr/>
            <p:nvPr/>
          </p:nvSpPr>
          <p:spPr>
            <a:xfrm rot="3329058">
              <a:off x="2359542" y="1831753"/>
              <a:ext cx="22148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标题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45" presetSubtype="0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500" id="7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500" fill="hold" id="8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9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2" presetSubtype="8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2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3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4" nodeType="withEffect" presetClass="exit" presetID="2" presetSubtype="2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dur="500" id="15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id="16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489204" y="2187156"/>
            <a:ext cx="5900739" cy="2800032"/>
            <a:chOff x="1574801" y="1465262"/>
            <a:chExt cx="5900739" cy="2800032"/>
          </a:xfrm>
        </p:grpSpPr>
        <p:sp>
          <p:nvSpPr>
            <p:cNvPr id="3" name="Freeform 7"/>
            <p:cNvSpPr/>
            <p:nvPr/>
          </p:nvSpPr>
          <p:spPr bwMode="auto">
            <a:xfrm flipH="1">
              <a:off x="2065338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" name="Line 8"/>
            <p:cNvSpPr>
              <a:spLocks noChangeShapeType="1"/>
            </p:cNvSpPr>
            <p:nvPr/>
          </p:nvSpPr>
          <p:spPr bwMode="auto">
            <a:xfrm flipH="1">
              <a:off x="2065338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" name="Line 9"/>
            <p:cNvSpPr>
              <a:spLocks noChangeShapeType="1"/>
            </p:cNvSpPr>
            <p:nvPr/>
          </p:nvSpPr>
          <p:spPr bwMode="auto">
            <a:xfrm flipH="1">
              <a:off x="2065338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" name="Freeform 10"/>
            <p:cNvSpPr/>
            <p:nvPr/>
          </p:nvSpPr>
          <p:spPr bwMode="auto">
            <a:xfrm flipH="1">
              <a:off x="2532063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" name="Line 11"/>
            <p:cNvSpPr>
              <a:spLocks noChangeShapeType="1"/>
            </p:cNvSpPr>
            <p:nvPr/>
          </p:nvSpPr>
          <p:spPr bwMode="auto">
            <a:xfrm flipH="1">
              <a:off x="2532063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" name="Line 12"/>
            <p:cNvSpPr>
              <a:spLocks noChangeShapeType="1"/>
            </p:cNvSpPr>
            <p:nvPr/>
          </p:nvSpPr>
          <p:spPr bwMode="auto">
            <a:xfrm flipH="1">
              <a:off x="2532063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9" name="Freeform 13"/>
            <p:cNvSpPr/>
            <p:nvPr/>
          </p:nvSpPr>
          <p:spPr bwMode="auto">
            <a:xfrm flipH="1">
              <a:off x="3005138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0" name="Line 14"/>
            <p:cNvSpPr>
              <a:spLocks noChangeShapeType="1"/>
            </p:cNvSpPr>
            <p:nvPr/>
          </p:nvSpPr>
          <p:spPr bwMode="auto">
            <a:xfrm flipH="1">
              <a:off x="3005138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1" name="Line 15"/>
            <p:cNvSpPr>
              <a:spLocks noChangeShapeType="1"/>
            </p:cNvSpPr>
            <p:nvPr/>
          </p:nvSpPr>
          <p:spPr bwMode="auto">
            <a:xfrm flipH="1">
              <a:off x="3005138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2" name="Freeform 16"/>
            <p:cNvSpPr/>
            <p:nvPr/>
          </p:nvSpPr>
          <p:spPr bwMode="auto">
            <a:xfrm flipH="1">
              <a:off x="3479801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3" name="Line 17"/>
            <p:cNvSpPr>
              <a:spLocks noChangeShapeType="1"/>
            </p:cNvSpPr>
            <p:nvPr/>
          </p:nvSpPr>
          <p:spPr bwMode="auto">
            <a:xfrm flipH="1">
              <a:off x="3479801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4" name="Line 18"/>
            <p:cNvSpPr>
              <a:spLocks noChangeShapeType="1"/>
            </p:cNvSpPr>
            <p:nvPr/>
          </p:nvSpPr>
          <p:spPr bwMode="auto">
            <a:xfrm flipH="1">
              <a:off x="3479801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5" name="Freeform 19"/>
            <p:cNvSpPr/>
            <p:nvPr/>
          </p:nvSpPr>
          <p:spPr bwMode="auto">
            <a:xfrm flipH="1">
              <a:off x="3954463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6" name="Line 20"/>
            <p:cNvSpPr>
              <a:spLocks noChangeShapeType="1"/>
            </p:cNvSpPr>
            <p:nvPr/>
          </p:nvSpPr>
          <p:spPr bwMode="auto">
            <a:xfrm flipH="1">
              <a:off x="3954463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7" name="Line 21"/>
            <p:cNvSpPr>
              <a:spLocks noChangeShapeType="1"/>
            </p:cNvSpPr>
            <p:nvPr/>
          </p:nvSpPr>
          <p:spPr bwMode="auto">
            <a:xfrm flipH="1">
              <a:off x="3954463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8" name="Freeform 22"/>
            <p:cNvSpPr/>
            <p:nvPr/>
          </p:nvSpPr>
          <p:spPr bwMode="auto">
            <a:xfrm flipH="1">
              <a:off x="4429126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9" name="Line 23"/>
            <p:cNvSpPr>
              <a:spLocks noChangeShapeType="1"/>
            </p:cNvSpPr>
            <p:nvPr/>
          </p:nvSpPr>
          <p:spPr bwMode="auto">
            <a:xfrm flipH="1">
              <a:off x="4429126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0" name="Line 24"/>
            <p:cNvSpPr>
              <a:spLocks noChangeShapeType="1"/>
            </p:cNvSpPr>
            <p:nvPr/>
          </p:nvSpPr>
          <p:spPr bwMode="auto">
            <a:xfrm flipH="1">
              <a:off x="4429126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1" name="Freeform 25"/>
            <p:cNvSpPr/>
            <p:nvPr/>
          </p:nvSpPr>
          <p:spPr bwMode="auto">
            <a:xfrm flipH="1">
              <a:off x="4903788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2" name="Line 26"/>
            <p:cNvSpPr>
              <a:spLocks noChangeShapeType="1"/>
            </p:cNvSpPr>
            <p:nvPr/>
          </p:nvSpPr>
          <p:spPr bwMode="auto">
            <a:xfrm flipH="1">
              <a:off x="4903788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3" name="Line 27"/>
            <p:cNvSpPr>
              <a:spLocks noChangeShapeType="1"/>
            </p:cNvSpPr>
            <p:nvPr/>
          </p:nvSpPr>
          <p:spPr bwMode="auto">
            <a:xfrm flipH="1">
              <a:off x="4903788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4" name="Freeform 28"/>
            <p:cNvSpPr/>
            <p:nvPr/>
          </p:nvSpPr>
          <p:spPr bwMode="auto">
            <a:xfrm flipH="1">
              <a:off x="5378451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5" name="Line 29"/>
            <p:cNvSpPr>
              <a:spLocks noChangeShapeType="1"/>
            </p:cNvSpPr>
            <p:nvPr/>
          </p:nvSpPr>
          <p:spPr bwMode="auto">
            <a:xfrm flipH="1">
              <a:off x="5378451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6" name="Line 30"/>
            <p:cNvSpPr>
              <a:spLocks noChangeShapeType="1"/>
            </p:cNvSpPr>
            <p:nvPr/>
          </p:nvSpPr>
          <p:spPr bwMode="auto">
            <a:xfrm flipH="1">
              <a:off x="5378451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7" name="Freeform 31"/>
            <p:cNvSpPr/>
            <p:nvPr/>
          </p:nvSpPr>
          <p:spPr bwMode="auto">
            <a:xfrm flipH="1">
              <a:off x="5843588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8" name="Line 32"/>
            <p:cNvSpPr>
              <a:spLocks noChangeShapeType="1"/>
            </p:cNvSpPr>
            <p:nvPr/>
          </p:nvSpPr>
          <p:spPr bwMode="auto">
            <a:xfrm flipH="1">
              <a:off x="5843588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9" name="Line 33"/>
            <p:cNvSpPr>
              <a:spLocks noChangeShapeType="1"/>
            </p:cNvSpPr>
            <p:nvPr/>
          </p:nvSpPr>
          <p:spPr bwMode="auto">
            <a:xfrm flipH="1">
              <a:off x="5843588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0" name="Freeform 34"/>
            <p:cNvSpPr/>
            <p:nvPr/>
          </p:nvSpPr>
          <p:spPr bwMode="auto">
            <a:xfrm flipH="1">
              <a:off x="6318251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1" name="Line 35"/>
            <p:cNvSpPr>
              <a:spLocks noChangeShapeType="1"/>
            </p:cNvSpPr>
            <p:nvPr/>
          </p:nvSpPr>
          <p:spPr bwMode="auto">
            <a:xfrm flipH="1">
              <a:off x="6318251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2" name="Line 36"/>
            <p:cNvSpPr>
              <a:spLocks noChangeShapeType="1"/>
            </p:cNvSpPr>
            <p:nvPr/>
          </p:nvSpPr>
          <p:spPr bwMode="auto">
            <a:xfrm flipH="1">
              <a:off x="6318251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3" name="Freeform 37"/>
            <p:cNvSpPr/>
            <p:nvPr/>
          </p:nvSpPr>
          <p:spPr bwMode="auto">
            <a:xfrm flipH="1">
              <a:off x="6792913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4" name="Line 38"/>
            <p:cNvSpPr>
              <a:spLocks noChangeShapeType="1"/>
            </p:cNvSpPr>
            <p:nvPr/>
          </p:nvSpPr>
          <p:spPr bwMode="auto">
            <a:xfrm flipH="1">
              <a:off x="6792913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5" name="Line 39"/>
            <p:cNvSpPr>
              <a:spLocks noChangeShapeType="1"/>
            </p:cNvSpPr>
            <p:nvPr/>
          </p:nvSpPr>
          <p:spPr bwMode="auto">
            <a:xfrm flipH="1">
              <a:off x="6792913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6" name="Freeform 40"/>
            <p:cNvSpPr/>
            <p:nvPr/>
          </p:nvSpPr>
          <p:spPr bwMode="auto">
            <a:xfrm flipH="1">
              <a:off x="7267576" y="1465262"/>
              <a:ext cx="0" cy="2762250"/>
            </a:xfrm>
            <a:custGeom>
              <a:gdLst>
                <a:gd fmla="*/ 0 h 1740" name="T0"/>
                <a:gd fmla="*/ 1740 h 1740" name="T1"/>
                <a:gd fmla="*/ 0 h 1740" name="T2"/>
              </a:gdLst>
              <a:cxnLst>
                <a:cxn ang="0">
                  <a:pos x="0" y="T0"/>
                </a:cxn>
                <a:cxn ang="0">
                  <a:pos x="0" y="T1"/>
                </a:cxn>
                <a:cxn ang="0">
                  <a:pos x="0" y="T2"/>
                </a:cxn>
              </a:cxnLst>
              <a:rect b="b" l="0" r="r" t="0"/>
              <a:pathLst>
                <a:path h="1740">
                  <a:moveTo>
                    <a:pt x="0" y="0"/>
                  </a:moveTo>
                  <a:lnTo>
                    <a:pt x="0" y="174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7" name="Line 41"/>
            <p:cNvSpPr>
              <a:spLocks noChangeShapeType="1"/>
            </p:cNvSpPr>
            <p:nvPr/>
          </p:nvSpPr>
          <p:spPr bwMode="auto">
            <a:xfrm flipH="1">
              <a:off x="7267576" y="1465262"/>
              <a:ext cx="0" cy="276225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8" name="Line 42"/>
            <p:cNvSpPr>
              <a:spLocks noChangeShapeType="1"/>
            </p:cNvSpPr>
            <p:nvPr/>
          </p:nvSpPr>
          <p:spPr bwMode="auto">
            <a:xfrm flipH="1">
              <a:off x="7267576" y="1465262"/>
              <a:ext cx="0" cy="276225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39" name="Rectangle 43"/>
            <p:cNvSpPr>
              <a:spLocks noChangeArrowheads="1"/>
            </p:cNvSpPr>
            <p:nvPr/>
          </p:nvSpPr>
          <p:spPr bwMode="auto">
            <a:xfrm>
              <a:off x="1574802" y="4219575"/>
              <a:ext cx="5900738" cy="45719"/>
            </a:xfrm>
            <a:prstGeom prst="rect">
              <a:avLst/>
            </a:pr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0" name="Freeform 44"/>
            <p:cNvSpPr/>
            <p:nvPr/>
          </p:nvSpPr>
          <p:spPr bwMode="auto">
            <a:xfrm>
              <a:off x="1590676" y="3770313"/>
              <a:ext cx="5884863" cy="0"/>
            </a:xfrm>
            <a:custGeom>
              <a:gdLst>
                <a:gd fmla="*/ 0 w 3707" name="T0"/>
                <a:gd fmla="*/ 3707 w 3707" name="T1"/>
                <a:gd fmla="*/ 0 w 3707" name="T2"/>
              </a:gdLst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b="b" l="0" r="r" t="0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1" name="Line 45"/>
            <p:cNvSpPr>
              <a:spLocks noChangeShapeType="1"/>
            </p:cNvSpPr>
            <p:nvPr/>
          </p:nvSpPr>
          <p:spPr bwMode="auto">
            <a:xfrm>
              <a:off x="1590676" y="3770313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2" name="Line 46"/>
            <p:cNvSpPr>
              <a:spLocks noChangeShapeType="1"/>
            </p:cNvSpPr>
            <p:nvPr/>
          </p:nvSpPr>
          <p:spPr bwMode="auto">
            <a:xfrm>
              <a:off x="1590676" y="3770313"/>
              <a:ext cx="5884863" cy="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3" name="Freeform 47"/>
            <p:cNvSpPr/>
            <p:nvPr/>
          </p:nvSpPr>
          <p:spPr bwMode="auto">
            <a:xfrm>
              <a:off x="1590676" y="3311525"/>
              <a:ext cx="5884863" cy="0"/>
            </a:xfrm>
            <a:custGeom>
              <a:gdLst>
                <a:gd fmla="*/ 0 w 3707" name="T0"/>
                <a:gd fmla="*/ 3707 w 3707" name="T1"/>
                <a:gd fmla="*/ 0 w 3707" name="T2"/>
              </a:gdLst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b="b" l="0" r="r" t="0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4" name="Line 48"/>
            <p:cNvSpPr>
              <a:spLocks noChangeShapeType="1"/>
            </p:cNvSpPr>
            <p:nvPr/>
          </p:nvSpPr>
          <p:spPr bwMode="auto">
            <a:xfrm>
              <a:off x="1590676" y="3311525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5" name="Line 49"/>
            <p:cNvSpPr>
              <a:spLocks noChangeShapeType="1"/>
            </p:cNvSpPr>
            <p:nvPr/>
          </p:nvSpPr>
          <p:spPr bwMode="auto">
            <a:xfrm>
              <a:off x="1590676" y="3311525"/>
              <a:ext cx="5884863" cy="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6" name="Freeform 50"/>
            <p:cNvSpPr/>
            <p:nvPr/>
          </p:nvSpPr>
          <p:spPr bwMode="auto">
            <a:xfrm>
              <a:off x="1590676" y="2862263"/>
              <a:ext cx="5884863" cy="0"/>
            </a:xfrm>
            <a:custGeom>
              <a:gdLst>
                <a:gd fmla="*/ 0 w 3707" name="T0"/>
                <a:gd fmla="*/ 3707 w 3707" name="T1"/>
                <a:gd fmla="*/ 0 w 3707" name="T2"/>
              </a:gdLst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b="b" l="0" r="r" t="0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7" name="Line 51"/>
            <p:cNvSpPr>
              <a:spLocks noChangeShapeType="1"/>
            </p:cNvSpPr>
            <p:nvPr/>
          </p:nvSpPr>
          <p:spPr bwMode="auto">
            <a:xfrm>
              <a:off x="1590676" y="2862263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8" name="Line 52"/>
            <p:cNvSpPr>
              <a:spLocks noChangeShapeType="1"/>
            </p:cNvSpPr>
            <p:nvPr/>
          </p:nvSpPr>
          <p:spPr bwMode="auto">
            <a:xfrm>
              <a:off x="1590676" y="2862263"/>
              <a:ext cx="5884863" cy="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9" name="Freeform 53"/>
            <p:cNvSpPr/>
            <p:nvPr/>
          </p:nvSpPr>
          <p:spPr bwMode="auto">
            <a:xfrm>
              <a:off x="1590676" y="2405063"/>
              <a:ext cx="5884863" cy="0"/>
            </a:xfrm>
            <a:custGeom>
              <a:gdLst>
                <a:gd fmla="*/ 0 w 3707" name="T0"/>
                <a:gd fmla="*/ 3707 w 3707" name="T1"/>
                <a:gd fmla="*/ 0 w 3707" name="T2"/>
              </a:gdLst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b="b" l="0" r="r" t="0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0" name="Line 54"/>
            <p:cNvSpPr>
              <a:spLocks noChangeShapeType="1"/>
            </p:cNvSpPr>
            <p:nvPr/>
          </p:nvSpPr>
          <p:spPr bwMode="auto">
            <a:xfrm>
              <a:off x="1590676" y="2405063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1" name="Line 55"/>
            <p:cNvSpPr>
              <a:spLocks noChangeShapeType="1"/>
            </p:cNvSpPr>
            <p:nvPr/>
          </p:nvSpPr>
          <p:spPr bwMode="auto">
            <a:xfrm>
              <a:off x="1590676" y="2405063"/>
              <a:ext cx="5884863" cy="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2" name="Freeform 56"/>
            <p:cNvSpPr/>
            <p:nvPr/>
          </p:nvSpPr>
          <p:spPr bwMode="auto">
            <a:xfrm>
              <a:off x="1590676" y="1947863"/>
              <a:ext cx="5884863" cy="0"/>
            </a:xfrm>
            <a:custGeom>
              <a:gdLst>
                <a:gd fmla="*/ 0 w 3707" name="T0"/>
                <a:gd fmla="*/ 3707 w 3707" name="T1"/>
                <a:gd fmla="*/ 0 w 3707" name="T2"/>
              </a:gdLst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</a:cxnLst>
              <a:rect b="b" l="0" r="r" t="0"/>
              <a:pathLst>
                <a:path w="3707">
                  <a:moveTo>
                    <a:pt x="0" y="0"/>
                  </a:moveTo>
                  <a:lnTo>
                    <a:pt x="3707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3" name="Line 57"/>
            <p:cNvSpPr>
              <a:spLocks noChangeShapeType="1"/>
            </p:cNvSpPr>
            <p:nvPr/>
          </p:nvSpPr>
          <p:spPr bwMode="auto">
            <a:xfrm>
              <a:off x="1590676" y="1947863"/>
              <a:ext cx="5884863" cy="0"/>
            </a:xfrm>
            <a:prstGeom prst="line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noFill/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4" name="Line 58"/>
            <p:cNvSpPr>
              <a:spLocks noChangeShapeType="1"/>
            </p:cNvSpPr>
            <p:nvPr/>
          </p:nvSpPr>
          <p:spPr bwMode="auto">
            <a:xfrm>
              <a:off x="1590676" y="1947863"/>
              <a:ext cx="5884863" cy="0"/>
            </a:xfrm>
            <a:prstGeom prst="line">
              <a:avLst/>
            </a:prstGeom>
            <a:noFill/>
            <a:ln cap="flat" w="5">
              <a:solidFill>
                <a:srgbClr val="B5B5B6"/>
              </a:solidFill>
              <a:prstDash val="solid"/>
              <a:miter lim="800000"/>
            </a:ln>
            <a:extLst>
              <a:ext uri="{909E8E84-426E-40DD-AFC4-6F175D3DCCD1}">
                <a14:hiddenFill>
                  <a:noFill/>
                </a14:hiddenFill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5" name="Rectangle 6"/>
            <p:cNvSpPr>
              <a:spLocks noChangeArrowheads="1"/>
            </p:cNvSpPr>
            <p:nvPr/>
          </p:nvSpPr>
          <p:spPr bwMode="auto">
            <a:xfrm>
              <a:off x="1574801" y="1465262"/>
              <a:ext cx="45719" cy="2762250"/>
            </a:xfrm>
            <a:prstGeom prst="rect">
              <a:avLst/>
            </a:prstGeom>
            <a:solidFill>
              <a:srgbClr val="848484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grpSp>
        <p:nvGrpSpPr>
          <p:cNvPr id="56" name="组合 55"/>
          <p:cNvGrpSpPr/>
          <p:nvPr/>
        </p:nvGrpSpPr>
        <p:grpSpPr>
          <a:xfrm>
            <a:off x="8951615" y="2847980"/>
            <a:ext cx="1308022" cy="313932"/>
            <a:chOff x="7541915" y="2189584"/>
            <a:chExt cx="1308022" cy="313932"/>
          </a:xfrm>
        </p:grpSpPr>
        <p:sp>
          <p:nvSpPr>
            <p:cNvPr id="57" name="矩形 56"/>
            <p:cNvSpPr/>
            <p:nvPr/>
          </p:nvSpPr>
          <p:spPr>
            <a:xfrm>
              <a:off x="7541915" y="2248025"/>
              <a:ext cx="180850" cy="180850"/>
            </a:xfrm>
            <a:prstGeom prst="rect">
              <a:avLst/>
            </a:prstGeom>
            <a:solidFill>
              <a:srgbClr val="F983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58" name="矩形 57"/>
            <p:cNvSpPr/>
            <p:nvPr/>
          </p:nvSpPr>
          <p:spPr>
            <a:xfrm>
              <a:off x="7741941" y="2189585"/>
              <a:ext cx="10972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</p:grpSp>
      <p:grpSp>
        <p:nvGrpSpPr>
          <p:cNvPr id="59" name="组合 58"/>
          <p:cNvGrpSpPr/>
          <p:nvPr/>
        </p:nvGrpSpPr>
        <p:grpSpPr>
          <a:xfrm>
            <a:off x="8951615" y="3216048"/>
            <a:ext cx="1308022" cy="313932"/>
            <a:chOff x="7541915" y="2189584"/>
            <a:chExt cx="1308022" cy="313932"/>
          </a:xfrm>
        </p:grpSpPr>
        <p:sp>
          <p:nvSpPr>
            <p:cNvPr id="60" name="矩形 59"/>
            <p:cNvSpPr/>
            <p:nvPr/>
          </p:nvSpPr>
          <p:spPr>
            <a:xfrm>
              <a:off x="7541915" y="2248025"/>
              <a:ext cx="180850" cy="180850"/>
            </a:xfrm>
            <a:prstGeom prst="rect">
              <a:avLst/>
            </a:prstGeom>
            <a:solidFill>
              <a:srgbClr val="55777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61" name="矩形 60"/>
            <p:cNvSpPr/>
            <p:nvPr/>
          </p:nvSpPr>
          <p:spPr>
            <a:xfrm>
              <a:off x="7741941" y="2189583"/>
              <a:ext cx="10972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添加文字内容</a:t>
              </a:r>
            </a:p>
          </p:txBody>
        </p:sp>
      </p:grpSp>
      <p:grpSp>
        <p:nvGrpSpPr>
          <p:cNvPr id="62" name="组合 61"/>
          <p:cNvGrpSpPr/>
          <p:nvPr/>
        </p:nvGrpSpPr>
        <p:grpSpPr>
          <a:xfrm>
            <a:off x="2530477" y="2455086"/>
            <a:ext cx="5775325" cy="1462446"/>
            <a:chOff x="1006476" y="1733192"/>
            <a:chExt cx="5775325" cy="1462446"/>
          </a:xfrm>
        </p:grpSpPr>
        <p:grpSp>
          <p:nvGrpSpPr>
            <p:cNvPr id="63" name="组合 62"/>
            <p:cNvGrpSpPr/>
            <p:nvPr/>
          </p:nvGrpSpPr>
          <p:grpSpPr>
            <a:xfrm>
              <a:off x="1006476" y="2114550"/>
              <a:ext cx="5775325" cy="1081088"/>
              <a:chOff x="1582738" y="2114550"/>
              <a:chExt cx="5775325" cy="1081088"/>
            </a:xfrm>
            <a:solidFill>
              <a:srgbClr val="F98377"/>
            </a:solidFill>
          </p:grpSpPr>
          <p:sp>
            <p:nvSpPr>
              <p:cNvPr id="65" name="Freeform 59"/>
              <p:cNvSpPr/>
              <p:nvPr/>
            </p:nvSpPr>
            <p:spPr bwMode="auto">
              <a:xfrm>
                <a:off x="1582738" y="2155825"/>
                <a:ext cx="5775325" cy="1022350"/>
              </a:xfrm>
              <a:custGeom>
                <a:gdLst>
                  <a:gd fmla="*/ 5 w 3638" name="T0"/>
                  <a:gd fmla="*/ 644 h 644" name="T1"/>
                  <a:gd fmla="*/ 0 w 3638" name="T2"/>
                  <a:gd fmla="*/ 634 h 644" name="T3"/>
                  <a:gd fmla="*/ 398 w 3638" name="T4"/>
                  <a:gd fmla="*/ 346 h 644" name="T5"/>
                  <a:gd fmla="*/ 781 w 3638" name="T6"/>
                  <a:gd fmla="*/ 603 h 644" name="T7"/>
                  <a:gd fmla="*/ 1090 w 3638" name="T8"/>
                  <a:gd fmla="*/ 230 h 644" name="T9"/>
                  <a:gd fmla="*/ 1620 w 3638" name="T10"/>
                  <a:gd fmla="*/ 63 h 644" name="T11"/>
                  <a:gd fmla="*/ 1997 w 3638" name="T12"/>
                  <a:gd fmla="*/ 346 h 644" name="T13"/>
                  <a:gd fmla="*/ 2506 w 3638" name="T14"/>
                  <a:gd fmla="*/ 0 h 644" name="T15"/>
                  <a:gd fmla="*/ 2883 w 3638" name="T16"/>
                  <a:gd fmla="*/ 555 h 644" name="T17"/>
                  <a:gd fmla="*/ 3193 w 3638" name="T18"/>
                  <a:gd fmla="*/ 314 h 644" name="T19"/>
                  <a:gd fmla="*/ 3638 w 3638" name="T20"/>
                  <a:gd fmla="*/ 393 h 644" name="T21"/>
                  <a:gd fmla="*/ 3638 w 3638" name="T22"/>
                  <a:gd fmla="*/ 403 h 644" name="T23"/>
                  <a:gd fmla="*/ 3198 w 3638" name="T24"/>
                  <a:gd fmla="*/ 330 h 644" name="T25"/>
                  <a:gd fmla="*/ 2878 w 3638" name="T26"/>
                  <a:gd fmla="*/ 576 h 644" name="T27"/>
                  <a:gd fmla="*/ 2501 w 3638" name="T28"/>
                  <a:gd fmla="*/ 21 h 644" name="T29"/>
                  <a:gd fmla="*/ 1997 w 3638" name="T30"/>
                  <a:gd fmla="*/ 361 h 644" name="T31"/>
                  <a:gd fmla="*/ 1615 w 3638" name="T32"/>
                  <a:gd fmla="*/ 78 h 644" name="T33"/>
                  <a:gd fmla="*/ 1101 w 3638" name="T34"/>
                  <a:gd fmla="*/ 241 h 644" name="T35"/>
                  <a:gd fmla="*/ 781 w 3638" name="T36"/>
                  <a:gd fmla="*/ 618 h 644" name="T37"/>
                  <a:gd fmla="*/ 398 w 3638" name="T38"/>
                  <a:gd fmla="*/ 361 h 644" name="T39"/>
                  <a:gd fmla="*/ 5 w 3638" name="T40"/>
                  <a:gd fmla="*/ 644 h 644" name="T4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</a:cxnLst>
                <a:rect b="b" l="0" r="r" t="0"/>
                <a:pathLst>
                  <a:path h="644" w="3638">
                    <a:moveTo>
                      <a:pt x="5" y="644"/>
                    </a:moveTo>
                    <a:lnTo>
                      <a:pt x="0" y="634"/>
                    </a:lnTo>
                    <a:lnTo>
                      <a:pt x="398" y="346"/>
                    </a:lnTo>
                    <a:lnTo>
                      <a:pt x="781" y="603"/>
                    </a:lnTo>
                    <a:lnTo>
                      <a:pt x="1090" y="230"/>
                    </a:lnTo>
                    <a:lnTo>
                      <a:pt x="1620" y="63"/>
                    </a:lnTo>
                    <a:lnTo>
                      <a:pt x="1997" y="346"/>
                    </a:lnTo>
                    <a:lnTo>
                      <a:pt x="2506" y="0"/>
                    </a:lnTo>
                    <a:lnTo>
                      <a:pt x="2883" y="555"/>
                    </a:lnTo>
                    <a:lnTo>
                      <a:pt x="3193" y="314"/>
                    </a:lnTo>
                    <a:lnTo>
                      <a:pt x="3638" y="393"/>
                    </a:lnTo>
                    <a:lnTo>
                      <a:pt x="3638" y="403"/>
                    </a:lnTo>
                    <a:lnTo>
                      <a:pt x="3198" y="330"/>
                    </a:lnTo>
                    <a:lnTo>
                      <a:pt x="2878" y="576"/>
                    </a:lnTo>
                    <a:lnTo>
                      <a:pt x="2501" y="21"/>
                    </a:lnTo>
                    <a:lnTo>
                      <a:pt x="1997" y="361"/>
                    </a:lnTo>
                    <a:lnTo>
                      <a:pt x="1615" y="78"/>
                    </a:lnTo>
                    <a:lnTo>
                      <a:pt x="1101" y="241"/>
                    </a:lnTo>
                    <a:lnTo>
                      <a:pt x="781" y="618"/>
                    </a:lnTo>
                    <a:lnTo>
                      <a:pt x="398" y="361"/>
                    </a:lnTo>
                    <a:lnTo>
                      <a:pt x="5" y="644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6" name="Oval 60"/>
              <p:cNvSpPr>
                <a:spLocks noChangeArrowheads="1"/>
              </p:cNvSpPr>
              <p:nvPr/>
            </p:nvSpPr>
            <p:spPr bwMode="auto">
              <a:xfrm>
                <a:off x="2147888" y="2654300"/>
                <a:ext cx="125413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7" name="Oval 61"/>
              <p:cNvSpPr>
                <a:spLocks noChangeArrowheads="1"/>
              </p:cNvSpPr>
              <p:nvPr/>
            </p:nvSpPr>
            <p:spPr bwMode="auto">
              <a:xfrm>
                <a:off x="2755901" y="3070225"/>
                <a:ext cx="125413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8" name="Oval 62"/>
              <p:cNvSpPr>
                <a:spLocks noChangeArrowheads="1"/>
              </p:cNvSpPr>
              <p:nvPr/>
            </p:nvSpPr>
            <p:spPr bwMode="auto">
              <a:xfrm>
                <a:off x="3263901" y="2471738"/>
                <a:ext cx="115888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9" name="Oval 63"/>
              <p:cNvSpPr>
                <a:spLocks noChangeArrowheads="1"/>
              </p:cNvSpPr>
              <p:nvPr/>
            </p:nvSpPr>
            <p:spPr bwMode="auto">
              <a:xfrm>
                <a:off x="4079876" y="2205038"/>
                <a:ext cx="123825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0" name="Oval 64"/>
              <p:cNvSpPr>
                <a:spLocks noChangeArrowheads="1"/>
              </p:cNvSpPr>
              <p:nvPr/>
            </p:nvSpPr>
            <p:spPr bwMode="auto">
              <a:xfrm>
                <a:off x="4686301" y="2638426"/>
                <a:ext cx="125413" cy="1333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1" name="Oval 65"/>
              <p:cNvSpPr>
                <a:spLocks noChangeArrowheads="1"/>
              </p:cNvSpPr>
              <p:nvPr/>
            </p:nvSpPr>
            <p:spPr bwMode="auto">
              <a:xfrm>
                <a:off x="5494338" y="2114550"/>
                <a:ext cx="125413" cy="115888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2" name="Oval 66"/>
              <p:cNvSpPr>
                <a:spLocks noChangeArrowheads="1"/>
              </p:cNvSpPr>
              <p:nvPr/>
            </p:nvSpPr>
            <p:spPr bwMode="auto">
              <a:xfrm>
                <a:off x="6094413" y="2995613"/>
                <a:ext cx="115888" cy="12541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3" name="Oval 67"/>
              <p:cNvSpPr>
                <a:spLocks noChangeArrowheads="1"/>
              </p:cNvSpPr>
              <p:nvPr/>
            </p:nvSpPr>
            <p:spPr bwMode="auto">
              <a:xfrm>
                <a:off x="6592888" y="2605088"/>
                <a:ext cx="125413" cy="123825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64" name="TextBox 63"/>
            <p:cNvSpPr txBox="1"/>
            <p:nvPr/>
          </p:nvSpPr>
          <p:spPr>
            <a:xfrm>
              <a:off x="4705609" y="1733192"/>
              <a:ext cx="487680" cy="33528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16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80%</a:t>
              </a:r>
            </a:p>
          </p:txBody>
        </p:sp>
      </p:grpSp>
      <p:grpSp>
        <p:nvGrpSpPr>
          <p:cNvPr id="74" name="组合 73"/>
          <p:cNvGrpSpPr/>
          <p:nvPr/>
        </p:nvGrpSpPr>
        <p:grpSpPr>
          <a:xfrm>
            <a:off x="2530476" y="2569387"/>
            <a:ext cx="5784850" cy="2332454"/>
            <a:chOff x="1006476" y="1847492"/>
            <a:chExt cx="5784850" cy="2332454"/>
          </a:xfrm>
        </p:grpSpPr>
        <p:grpSp>
          <p:nvGrpSpPr>
            <p:cNvPr id="75" name="组合 74"/>
            <p:cNvGrpSpPr/>
            <p:nvPr/>
          </p:nvGrpSpPr>
          <p:grpSpPr>
            <a:xfrm>
              <a:off x="1006476" y="2197100"/>
              <a:ext cx="5784850" cy="1847851"/>
              <a:chOff x="1582738" y="2197100"/>
              <a:chExt cx="5784850" cy="1847851"/>
            </a:xfrm>
          </p:grpSpPr>
          <p:sp>
            <p:nvSpPr>
              <p:cNvPr id="78" name="Freeform 68"/>
              <p:cNvSpPr/>
              <p:nvPr/>
            </p:nvSpPr>
            <p:spPr bwMode="auto">
              <a:xfrm>
                <a:off x="1582738" y="2197100"/>
                <a:ext cx="5784850" cy="1804988"/>
              </a:xfrm>
              <a:custGeom>
                <a:gdLst>
                  <a:gd fmla="*/ 1992 w 3644" name="T0"/>
                  <a:gd fmla="*/ 1137 h 1137" name="T1"/>
                  <a:gd fmla="*/ 1609 w 3644" name="T2"/>
                  <a:gd fmla="*/ 577 h 1137" name="T3"/>
                  <a:gd fmla="*/ 1096 w 3644" name="T4"/>
                  <a:gd fmla="*/ 414 h 1137" name="T5"/>
                  <a:gd fmla="*/ 776 w 3644" name="T6"/>
                  <a:gd fmla="*/ 288 h 1137" name="T7"/>
                  <a:gd fmla="*/ 398 w 3644" name="T8"/>
                  <a:gd fmla="*/ 52 h 1137" name="T9"/>
                  <a:gd fmla="*/ 10 w 3644" name="T10"/>
                  <a:gd fmla="*/ 1074 h 1137" name="T11"/>
                  <a:gd fmla="*/ 0 w 3644" name="T12"/>
                  <a:gd fmla="*/ 1069 h 1137" name="T13"/>
                  <a:gd fmla="*/ 393 w 3644" name="T14"/>
                  <a:gd fmla="*/ 31 h 1137" name="T15"/>
                  <a:gd fmla="*/ 781 w 3644" name="T16"/>
                  <a:gd fmla="*/ 278 h 1137" name="T17"/>
                  <a:gd fmla="*/ 1096 w 3644" name="T18"/>
                  <a:gd fmla="*/ 398 h 1137" name="T19"/>
                  <a:gd fmla="*/ 1620 w 3644" name="T20"/>
                  <a:gd fmla="*/ 566 h 1137" name="T21"/>
                  <a:gd fmla="*/ 1620 w 3644" name="T22"/>
                  <a:gd fmla="*/ 566 h 1137" name="T23"/>
                  <a:gd fmla="*/ 1992 w 3644" name="T24"/>
                  <a:gd fmla="*/ 1116 h 1137" name="T25"/>
                  <a:gd fmla="*/ 2501 w 3644" name="T26"/>
                  <a:gd fmla="*/ 493 h 1137" name="T27"/>
                  <a:gd fmla="*/ 2878 w 3644" name="T28"/>
                  <a:gd fmla="*/ 844 h 1137" name="T29"/>
                  <a:gd fmla="*/ 3193 w 3644" name="T30"/>
                  <a:gd fmla="*/ 556 h 1137" name="T31"/>
                  <a:gd fmla="*/ 3633 w 3644" name="T32"/>
                  <a:gd fmla="*/ 0 h 1137" name="T33"/>
                  <a:gd fmla="*/ 3644 w 3644" name="T34"/>
                  <a:gd fmla="*/ 10 h 1137" name="T35"/>
                  <a:gd fmla="*/ 3203 w 3644" name="T36"/>
                  <a:gd fmla="*/ 566 h 1137" name="T37"/>
                  <a:gd fmla="*/ 2878 w 3644" name="T38"/>
                  <a:gd fmla="*/ 860 h 1137" name="T39"/>
                  <a:gd fmla="*/ 2501 w 3644" name="T40"/>
                  <a:gd fmla="*/ 514 h 1137" name="T41"/>
                  <a:gd fmla="*/ 1992 w 3644" name="T42"/>
                  <a:gd fmla="*/ 1137 h 1137" name="T43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</a:cxnLst>
                <a:rect b="b" l="0" r="r" t="0"/>
                <a:pathLst>
                  <a:path h="1137" w="3644">
                    <a:moveTo>
                      <a:pt x="1992" y="1137"/>
                    </a:moveTo>
                    <a:lnTo>
                      <a:pt x="1609" y="577"/>
                    </a:lnTo>
                    <a:lnTo>
                      <a:pt x="1096" y="414"/>
                    </a:lnTo>
                    <a:lnTo>
                      <a:pt x="776" y="288"/>
                    </a:lnTo>
                    <a:lnTo>
                      <a:pt x="398" y="52"/>
                    </a:lnTo>
                    <a:lnTo>
                      <a:pt x="10" y="1074"/>
                    </a:lnTo>
                    <a:lnTo>
                      <a:pt x="0" y="1069"/>
                    </a:lnTo>
                    <a:lnTo>
                      <a:pt x="393" y="31"/>
                    </a:lnTo>
                    <a:lnTo>
                      <a:pt x="781" y="278"/>
                    </a:lnTo>
                    <a:lnTo>
                      <a:pt x="1096" y="398"/>
                    </a:lnTo>
                    <a:lnTo>
                      <a:pt x="1620" y="566"/>
                    </a:lnTo>
                    <a:lnTo>
                      <a:pt x="1620" y="566"/>
                    </a:lnTo>
                    <a:lnTo>
                      <a:pt x="1992" y="1116"/>
                    </a:lnTo>
                    <a:lnTo>
                      <a:pt x="2501" y="493"/>
                    </a:lnTo>
                    <a:lnTo>
                      <a:pt x="2878" y="844"/>
                    </a:lnTo>
                    <a:lnTo>
                      <a:pt x="3193" y="556"/>
                    </a:lnTo>
                    <a:lnTo>
                      <a:pt x="3633" y="0"/>
                    </a:lnTo>
                    <a:lnTo>
                      <a:pt x="3644" y="10"/>
                    </a:lnTo>
                    <a:lnTo>
                      <a:pt x="3203" y="566"/>
                    </a:lnTo>
                    <a:lnTo>
                      <a:pt x="2878" y="860"/>
                    </a:lnTo>
                    <a:lnTo>
                      <a:pt x="2501" y="514"/>
                    </a:lnTo>
                    <a:lnTo>
                      <a:pt x="1992" y="1137"/>
                    </a:lnTo>
                    <a:close/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9" name="Oval 69"/>
              <p:cNvSpPr>
                <a:spLocks noChangeArrowheads="1"/>
              </p:cNvSpPr>
              <p:nvPr/>
            </p:nvSpPr>
            <p:spPr bwMode="auto">
              <a:xfrm>
                <a:off x="2147888" y="2205038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0" name="Oval 70"/>
              <p:cNvSpPr>
                <a:spLocks noChangeArrowheads="1"/>
              </p:cNvSpPr>
              <p:nvPr/>
            </p:nvSpPr>
            <p:spPr bwMode="auto">
              <a:xfrm>
                <a:off x="2755901" y="2579688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1" name="Oval 71"/>
              <p:cNvSpPr>
                <a:spLocks noChangeArrowheads="1"/>
              </p:cNvSpPr>
              <p:nvPr/>
            </p:nvSpPr>
            <p:spPr bwMode="auto">
              <a:xfrm>
                <a:off x="3271838" y="2787650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2" name="Oval 72"/>
              <p:cNvSpPr>
                <a:spLocks noChangeArrowheads="1"/>
              </p:cNvSpPr>
              <p:nvPr/>
            </p:nvSpPr>
            <p:spPr bwMode="auto">
              <a:xfrm>
                <a:off x="4087813" y="3046413"/>
                <a:ext cx="115888" cy="115888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3" name="Oval 73"/>
              <p:cNvSpPr>
                <a:spLocks noChangeArrowheads="1"/>
              </p:cNvSpPr>
              <p:nvPr/>
            </p:nvSpPr>
            <p:spPr bwMode="auto">
              <a:xfrm>
                <a:off x="4686301" y="3919538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4" name="Oval 74"/>
              <p:cNvSpPr>
                <a:spLocks noChangeArrowheads="1"/>
              </p:cNvSpPr>
              <p:nvPr/>
            </p:nvSpPr>
            <p:spPr bwMode="auto">
              <a:xfrm>
                <a:off x="5494338" y="2946400"/>
                <a:ext cx="125413" cy="123825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5" name="Oval 75"/>
              <p:cNvSpPr>
                <a:spLocks noChangeArrowheads="1"/>
              </p:cNvSpPr>
              <p:nvPr/>
            </p:nvSpPr>
            <p:spPr bwMode="auto">
              <a:xfrm>
                <a:off x="6094413" y="3470275"/>
                <a:ext cx="115888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6" name="Oval 76"/>
              <p:cNvSpPr>
                <a:spLocks noChangeArrowheads="1"/>
              </p:cNvSpPr>
              <p:nvPr/>
            </p:nvSpPr>
            <p:spPr bwMode="auto">
              <a:xfrm>
                <a:off x="6592888" y="3003550"/>
                <a:ext cx="125413" cy="125413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76" name="TextBox 75"/>
            <p:cNvSpPr txBox="1"/>
            <p:nvPr/>
          </p:nvSpPr>
          <p:spPr>
            <a:xfrm>
              <a:off x="4299209" y="3841392"/>
              <a:ext cx="487680" cy="33528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16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20%</a:t>
              </a:r>
            </a:p>
          </p:txBody>
        </p:sp>
        <p:sp>
          <p:nvSpPr>
            <p:cNvPr id="77" name="TextBox 76"/>
            <p:cNvSpPr txBox="1"/>
            <p:nvPr/>
          </p:nvSpPr>
          <p:spPr>
            <a:xfrm>
              <a:off x="1378208" y="1847492"/>
              <a:ext cx="487680" cy="33528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16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70%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18" presetSubtype="3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strips(upRight)" transition="in">
                                      <p:cBhvr>
                                        <p:cTn dur="100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8" nodeType="withEffect" presetClass="entr" presetID="22" presetSubtype="8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dur="1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1250" id="1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1" nodeType="withEffect" presetClass="entr" presetID="22" presetSubtype="8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dur="1" fill="hold" id="1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1250" id="13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4" nodeType="withEffect" presetClass="entr" presetID="22" presetSubtype="8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dur="1" fill="hold" id="1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16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7" nodeType="withEffect" presetClass="entr" presetID="22" presetSubtype="8">
                                  <p:stCondLst>
                                    <p:cond delay="3250"/>
                                  </p:stCondLst>
                                  <p:childTnLst>
                                    <p:set>
                                      <p:cBhvr>
                                        <p:cTn dur="1" fill="hold" id="1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19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849982" y="2233361"/>
            <a:ext cx="2756601" cy="2552700"/>
            <a:chOff x="2085975" y="1533525"/>
            <a:chExt cx="2756601" cy="2552700"/>
          </a:xfrm>
        </p:grpSpPr>
        <p:sp>
          <p:nvSpPr>
            <p:cNvPr id="3" name="TextBox 2"/>
            <p:cNvSpPr txBox="1"/>
            <p:nvPr/>
          </p:nvSpPr>
          <p:spPr>
            <a:xfrm>
              <a:off x="4542494" y="2525891"/>
              <a:ext cx="316230" cy="19812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7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90%</a:t>
              </a:r>
            </a:p>
          </p:txBody>
        </p:sp>
        <p:sp>
          <p:nvSpPr>
            <p:cNvPr id="4" name="Freeform 6"/>
            <p:cNvSpPr/>
            <p:nvPr/>
          </p:nvSpPr>
          <p:spPr bwMode="auto">
            <a:xfrm>
              <a:off x="2438400" y="2743200"/>
              <a:ext cx="1984375" cy="990600"/>
            </a:xfrm>
            <a:custGeom>
              <a:gdLst>
                <a:gd fmla="*/ 433 w 433" name="T0"/>
                <a:gd fmla="*/ 0 h 216" name="T1"/>
                <a:gd fmla="*/ 216 w 433" name="T2"/>
                <a:gd fmla="*/ 216 h 216" name="T3"/>
                <a:gd fmla="*/ 0 w 433" name="T4"/>
                <a:gd fmla="*/ 0 h 216" name="T5"/>
                <a:gd fmla="*/ 33 w 433" name="T6"/>
                <a:gd fmla="*/ 0 h 216" name="T7"/>
                <a:gd fmla="*/ 216 w 433" name="T8"/>
                <a:gd fmla="*/ 183 h 216" name="T9"/>
                <a:gd fmla="*/ 399 w 433" name="T10"/>
                <a:gd fmla="*/ 0 h 216" name="T11"/>
                <a:gd fmla="*/ 433 w 433" name="T12"/>
                <a:gd fmla="*/ 0 h 216" name="T1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b="b" l="0" r="r" t="0"/>
              <a:pathLst>
                <a:path h="216" w="432">
                  <a:moveTo>
                    <a:pt x="433" y="0"/>
                  </a:moveTo>
                  <a:cubicBezTo>
                    <a:pt x="433" y="119"/>
                    <a:pt x="336" y="216"/>
                    <a:pt x="216" y="216"/>
                  </a:cubicBezTo>
                  <a:cubicBezTo>
                    <a:pt x="97" y="216"/>
                    <a:pt x="0" y="119"/>
                    <a:pt x="0" y="0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33" y="101"/>
                    <a:pt x="115" y="183"/>
                    <a:pt x="216" y="183"/>
                  </a:cubicBezTo>
                  <a:cubicBezTo>
                    <a:pt x="317" y="183"/>
                    <a:pt x="399" y="101"/>
                    <a:pt x="399" y="0"/>
                  </a:cubicBezTo>
                  <a:lnTo>
                    <a:pt x="433" y="0"/>
                  </a:lnTo>
                  <a:close/>
                </a:path>
              </a:pathLst>
            </a:cu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/>
            </a:p>
          </p:txBody>
        </p:sp>
        <p:sp>
          <p:nvSpPr>
            <p:cNvPr id="5" name="Freeform 7"/>
            <p:cNvSpPr/>
            <p:nvPr/>
          </p:nvSpPr>
          <p:spPr bwMode="auto">
            <a:xfrm>
              <a:off x="2260600" y="2009775"/>
              <a:ext cx="2339975" cy="1901825"/>
            </a:xfrm>
            <a:custGeom>
              <a:gdLst>
                <a:gd fmla="*/ 511 w 511" name="T0"/>
                <a:gd fmla="*/ 160 h 415" name="T1"/>
                <a:gd fmla="*/ 255 w 511" name="T2"/>
                <a:gd fmla="*/ 415 h 415" name="T3"/>
                <a:gd fmla="*/ 0 w 511" name="T4"/>
                <a:gd fmla="*/ 160 h 415" name="T5"/>
                <a:gd fmla="*/ 57 w 511" name="T6"/>
                <a:gd fmla="*/ 0 h 415" name="T7"/>
                <a:gd fmla="*/ 83 w 511" name="T8"/>
                <a:gd fmla="*/ 21 h 415" name="T9"/>
                <a:gd fmla="*/ 34 w 511" name="T10"/>
                <a:gd fmla="*/ 160 h 415" name="T11"/>
                <a:gd fmla="*/ 255 w 511" name="T12"/>
                <a:gd fmla="*/ 382 h 415" name="T13"/>
                <a:gd fmla="*/ 477 w 511" name="T14"/>
                <a:gd fmla="*/ 160 h 415" name="T15"/>
                <a:gd fmla="*/ 511 w 511" name="T16"/>
                <a:gd fmla="*/ 160 h 415" name="T17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b="b" l="0" r="r" t="0"/>
              <a:pathLst>
                <a:path h="415" w="511">
                  <a:moveTo>
                    <a:pt x="511" y="160"/>
                  </a:moveTo>
                  <a:cubicBezTo>
                    <a:pt x="511" y="301"/>
                    <a:pt x="396" y="415"/>
                    <a:pt x="255" y="415"/>
                  </a:cubicBezTo>
                  <a:cubicBezTo>
                    <a:pt x="115" y="415"/>
                    <a:pt x="0" y="301"/>
                    <a:pt x="0" y="160"/>
                  </a:cubicBezTo>
                  <a:cubicBezTo>
                    <a:pt x="0" y="99"/>
                    <a:pt x="21" y="43"/>
                    <a:pt x="57" y="0"/>
                  </a:cubicBezTo>
                  <a:cubicBezTo>
                    <a:pt x="83" y="21"/>
                    <a:pt x="83" y="21"/>
                    <a:pt x="83" y="21"/>
                  </a:cubicBezTo>
                  <a:cubicBezTo>
                    <a:pt x="52" y="59"/>
                    <a:pt x="34" y="107"/>
                    <a:pt x="34" y="160"/>
                  </a:cubicBezTo>
                  <a:cubicBezTo>
                    <a:pt x="34" y="282"/>
                    <a:pt x="133" y="382"/>
                    <a:pt x="255" y="382"/>
                  </a:cubicBezTo>
                  <a:cubicBezTo>
                    <a:pt x="378" y="382"/>
                    <a:pt x="477" y="282"/>
                    <a:pt x="477" y="160"/>
                  </a:cubicBezTo>
                  <a:lnTo>
                    <a:pt x="511" y="160"/>
                  </a:lnTo>
                  <a:close/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" name="Freeform 8"/>
            <p:cNvSpPr/>
            <p:nvPr/>
          </p:nvSpPr>
          <p:spPr bwMode="auto">
            <a:xfrm>
              <a:off x="2085975" y="1533525"/>
              <a:ext cx="2689225" cy="2552700"/>
            </a:xfrm>
            <a:custGeom>
              <a:gdLst>
                <a:gd fmla="*/ 587 w 587" name="T0"/>
                <a:gd fmla="*/ 264 h 557" name="T1"/>
                <a:gd fmla="*/ 293 w 587" name="T2"/>
                <a:gd fmla="*/ 557 h 557" name="T3"/>
                <a:gd fmla="*/ 0 w 587" name="T4"/>
                <a:gd fmla="*/ 264 h 557" name="T5"/>
                <a:gd fmla="*/ 165 w 587" name="T6"/>
                <a:gd fmla="*/ 0 h 557" name="T7"/>
                <a:gd fmla="*/ 179 w 587" name="T8"/>
                <a:gd fmla="*/ 30 h 557" name="T9"/>
                <a:gd fmla="*/ 33 w 587" name="T10"/>
                <a:gd fmla="*/ 264 h 557" name="T11"/>
                <a:gd fmla="*/ 293 w 587" name="T12"/>
                <a:gd fmla="*/ 524 h 557" name="T13"/>
                <a:gd fmla="*/ 553 w 587" name="T14"/>
                <a:gd fmla="*/ 264 h 557" name="T15"/>
                <a:gd fmla="*/ 587 w 587" name="T16"/>
                <a:gd fmla="*/ 264 h 557" name="T17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b="b" l="0" r="r" t="0"/>
              <a:pathLst>
                <a:path h="557" w="587">
                  <a:moveTo>
                    <a:pt x="587" y="264"/>
                  </a:moveTo>
                  <a:cubicBezTo>
                    <a:pt x="587" y="426"/>
                    <a:pt x="455" y="557"/>
                    <a:pt x="293" y="557"/>
                  </a:cubicBezTo>
                  <a:cubicBezTo>
                    <a:pt x="132" y="557"/>
                    <a:pt x="0" y="426"/>
                    <a:pt x="0" y="264"/>
                  </a:cubicBezTo>
                  <a:cubicBezTo>
                    <a:pt x="0" y="148"/>
                    <a:pt x="67" y="48"/>
                    <a:pt x="165" y="0"/>
                  </a:cubicBezTo>
                  <a:cubicBezTo>
                    <a:pt x="179" y="30"/>
                    <a:pt x="179" y="30"/>
                    <a:pt x="179" y="30"/>
                  </a:cubicBezTo>
                  <a:cubicBezTo>
                    <a:pt x="93" y="73"/>
                    <a:pt x="33" y="161"/>
                    <a:pt x="33" y="264"/>
                  </a:cubicBezTo>
                  <a:cubicBezTo>
                    <a:pt x="33" y="407"/>
                    <a:pt x="150" y="524"/>
                    <a:pt x="293" y="524"/>
                  </a:cubicBezTo>
                  <a:cubicBezTo>
                    <a:pt x="437" y="524"/>
                    <a:pt x="553" y="407"/>
                    <a:pt x="553" y="264"/>
                  </a:cubicBezTo>
                  <a:lnTo>
                    <a:pt x="587" y="264"/>
                  </a:lnTo>
                  <a:close/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7" name="TextBox 6"/>
            <p:cNvSpPr txBox="1"/>
            <p:nvPr/>
          </p:nvSpPr>
          <p:spPr>
            <a:xfrm>
              <a:off x="4142444" y="2525891"/>
              <a:ext cx="316230" cy="19812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7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60%</a:t>
              </a:r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4347232" y="2525891"/>
              <a:ext cx="316230" cy="19812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7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70%</a:t>
              </a:r>
            </a:p>
          </p:txBody>
        </p:sp>
      </p:grpSp>
      <p:grpSp>
        <p:nvGrpSpPr>
          <p:cNvPr id="9" name="组合 8"/>
          <p:cNvGrpSpPr/>
          <p:nvPr/>
        </p:nvGrpSpPr>
        <p:grpSpPr>
          <a:xfrm>
            <a:off x="3335758" y="2197457"/>
            <a:ext cx="5709033" cy="531204"/>
            <a:chOff x="1924050" y="1764321"/>
            <a:chExt cx="5709033" cy="531204"/>
          </a:xfrm>
        </p:grpSpPr>
        <p:sp>
          <p:nvSpPr>
            <p:cNvPr id="10" name="矩形 9"/>
            <p:cNvSpPr/>
            <p:nvPr/>
          </p:nvSpPr>
          <p:spPr>
            <a:xfrm>
              <a:off x="6832866" y="1764321"/>
              <a:ext cx="792480" cy="27432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添加文字</a:t>
              </a:r>
            </a:p>
          </p:txBody>
        </p:sp>
        <p:sp>
          <p:nvSpPr>
            <p:cNvPr id="11" name="任意多边形 10"/>
            <p:cNvSpPr/>
            <p:nvPr/>
          </p:nvSpPr>
          <p:spPr>
            <a:xfrm>
              <a:off x="1924050" y="1857375"/>
              <a:ext cx="4838700" cy="438150"/>
            </a:xfrm>
            <a:custGeom>
              <a:gdLst>
                <a:gd fmla="*/ 0 w 4838700" name="connsiteX0"/>
                <a:gd fmla="*/ 438150 h 438150" name="connsiteY0"/>
                <a:gd fmla="*/ 4400550 w 4838700" name="connsiteX1"/>
                <a:gd fmla="*/ 438150 h 438150" name="connsiteY1"/>
                <a:gd fmla="*/ 4838700 w 4838700" name="connsiteX2"/>
                <a:gd fmla="*/ 0 h 438150" name="connsiteY2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b="b" l="l" r="r" t="t"/>
              <a:pathLst>
                <a:path h="438150" w="4838700">
                  <a:moveTo>
                    <a:pt x="0" y="438150"/>
                  </a:moveTo>
                  <a:lnTo>
                    <a:pt x="4400550" y="438150"/>
                  </a:lnTo>
                  <a:lnTo>
                    <a:pt x="4838700" y="0"/>
                  </a:lnTo>
                </a:path>
              </a:pathLst>
            </a:custGeom>
            <a:noFill/>
            <a:ln w="12700">
              <a:prstDash val="sysDot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</p:grpSp>
      <p:grpSp>
        <p:nvGrpSpPr>
          <p:cNvPr id="12" name="组合 11"/>
          <p:cNvGrpSpPr/>
          <p:nvPr/>
        </p:nvGrpSpPr>
        <p:grpSpPr>
          <a:xfrm>
            <a:off x="3686226" y="1803758"/>
            <a:ext cx="4583865" cy="481143"/>
            <a:chOff x="2274518" y="1370621"/>
            <a:chExt cx="4583865" cy="481143"/>
          </a:xfrm>
        </p:grpSpPr>
        <p:sp>
          <p:nvSpPr>
            <p:cNvPr id="13" name="任意多边形 12"/>
            <p:cNvSpPr/>
            <p:nvPr/>
          </p:nvSpPr>
          <p:spPr>
            <a:xfrm>
              <a:off x="2274518" y="1445364"/>
              <a:ext cx="3695700" cy="406400"/>
            </a:xfrm>
            <a:custGeom>
              <a:gdLst>
                <a:gd fmla="*/ 0 w 3695700" name="connsiteX0"/>
                <a:gd fmla="*/ 406400 h 406400" name="connsiteY0"/>
                <a:gd fmla="*/ 3289300 w 3695700" name="connsiteX1"/>
                <a:gd fmla="*/ 406400 h 406400" name="connsiteY1"/>
                <a:gd fmla="*/ 3695700 w 3695700" name="connsiteX2"/>
                <a:gd fmla="*/ 0 h 406400" name="connsiteY2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b="b" l="l" r="r" t="t"/>
              <a:pathLst>
                <a:path h="406400" w="3695700">
                  <a:moveTo>
                    <a:pt x="0" y="406400"/>
                  </a:moveTo>
                  <a:lnTo>
                    <a:pt x="3289300" y="406400"/>
                  </a:lnTo>
                  <a:lnTo>
                    <a:pt x="3695700" y="0"/>
                  </a:lnTo>
                </a:path>
              </a:pathLst>
            </a:custGeom>
            <a:noFill/>
            <a:ln w="12700">
              <a:prstDash val="sysDot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14" name="矩形 13"/>
            <p:cNvSpPr/>
            <p:nvPr/>
          </p:nvSpPr>
          <p:spPr>
            <a:xfrm>
              <a:off x="6058164" y="1370621"/>
              <a:ext cx="792480" cy="27432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添加文字</a:t>
              </a: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211932" y="2921359"/>
            <a:ext cx="4664459" cy="496279"/>
            <a:chOff x="1800224" y="2488221"/>
            <a:chExt cx="4664459" cy="496279"/>
          </a:xfrm>
        </p:grpSpPr>
        <p:sp>
          <p:nvSpPr>
            <p:cNvPr id="16" name="任意多边形 15"/>
            <p:cNvSpPr/>
            <p:nvPr/>
          </p:nvSpPr>
          <p:spPr>
            <a:xfrm>
              <a:off x="1800224" y="2578100"/>
              <a:ext cx="3787775" cy="406400"/>
            </a:xfrm>
            <a:custGeom>
              <a:gdLst>
                <a:gd fmla="*/ 0 w 3787775" name="connsiteX0"/>
                <a:gd fmla="*/ 406400 h 406400" name="connsiteY0"/>
                <a:gd fmla="*/ 3381375 w 3787775" name="connsiteX1"/>
                <a:gd fmla="*/ 406400 h 406400" name="connsiteY1"/>
                <a:gd fmla="*/ 3787775 w 3787775" name="connsiteX2"/>
                <a:gd fmla="*/ 0 h 406400" name="connsiteY2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b="b" l="l" r="r" t="t"/>
              <a:pathLst>
                <a:path h="406400" w="3787775">
                  <a:moveTo>
                    <a:pt x="0" y="406400"/>
                  </a:moveTo>
                  <a:lnTo>
                    <a:pt x="3381375" y="406400"/>
                  </a:lnTo>
                  <a:lnTo>
                    <a:pt x="3787775" y="0"/>
                  </a:lnTo>
                </a:path>
              </a:pathLst>
            </a:custGeom>
            <a:noFill/>
            <a:ln w="12700">
              <a:prstDash val="sysDot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17" name="矩形 16"/>
            <p:cNvSpPr/>
            <p:nvPr/>
          </p:nvSpPr>
          <p:spPr>
            <a:xfrm>
              <a:off x="5664463" y="2488221"/>
              <a:ext cx="792480" cy="27432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200">
                  <a:latin charset="-122" pitchFamily="34" typeface="微软雅黑"/>
                  <a:ea charset="-122" pitchFamily="34" typeface="微软雅黑"/>
                </a:rPr>
                <a:t>添加文字</a:t>
              </a:r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7355305" y="3887084"/>
            <a:ext cx="640185" cy="830907"/>
            <a:chOff x="5740399" y="3381375"/>
            <a:chExt cx="640185" cy="830907"/>
          </a:xfrm>
        </p:grpSpPr>
        <p:sp>
          <p:nvSpPr>
            <p:cNvPr id="19" name="矩形 18"/>
            <p:cNvSpPr/>
            <p:nvPr/>
          </p:nvSpPr>
          <p:spPr>
            <a:xfrm>
              <a:off x="5740399" y="3695700"/>
              <a:ext cx="640185" cy="218678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20" name="Freeform 22"/>
            <p:cNvSpPr>
              <a:spLocks noEditPoints="1"/>
            </p:cNvSpPr>
            <p:nvPr/>
          </p:nvSpPr>
          <p:spPr bwMode="auto">
            <a:xfrm>
              <a:off x="5897563" y="3381375"/>
              <a:ext cx="314325" cy="244475"/>
            </a:xfrm>
            <a:custGeom>
              <a:gdLst>
                <a:gd fmla="*/ 17 w 84" name="T0"/>
                <a:gd fmla="*/ 36 h 65" name="T1"/>
                <a:gd fmla="*/ 11 w 84" name="T2"/>
                <a:gd fmla="*/ 59 h 65" name="T3"/>
                <a:gd fmla="*/ 27 w 84" name="T4"/>
                <a:gd fmla="*/ 59 h 65" name="T5"/>
                <a:gd fmla="*/ 41 w 84" name="T6"/>
                <a:gd fmla="*/ 65 h 65" name="T7"/>
                <a:gd fmla="*/ 55 w 84" name="T8"/>
                <a:gd fmla="*/ 59 h 65" name="T9"/>
                <a:gd fmla="*/ 70 w 84" name="T10"/>
                <a:gd fmla="*/ 59 h 65" name="T11"/>
                <a:gd fmla="*/ 65 w 84" name="T12"/>
                <a:gd fmla="*/ 36 h 65" name="T13"/>
                <a:gd fmla="*/ 69 w 84" name="T14"/>
                <a:gd fmla="*/ 36 h 65" name="T15"/>
                <a:gd fmla="*/ 69 w 84" name="T16"/>
                <a:gd fmla="*/ 22 h 65" name="T17"/>
                <a:gd fmla="*/ 78 w 84" name="T18"/>
                <a:gd fmla="*/ 20 h 65" name="T19"/>
                <a:gd fmla="*/ 78 w 84" name="T20"/>
                <a:gd fmla="*/ 27 h 65" name="T21"/>
                <a:gd fmla="*/ 76 w 84" name="T22"/>
                <a:gd fmla="*/ 41 h 65" name="T23"/>
                <a:gd fmla="*/ 83 w 84" name="T24"/>
                <a:gd fmla="*/ 41 h 65" name="T25"/>
                <a:gd fmla="*/ 81 w 84" name="T26"/>
                <a:gd fmla="*/ 27 h 65" name="T27"/>
                <a:gd fmla="*/ 81 w 84" name="T28"/>
                <a:gd fmla="*/ 19 h 65" name="T29"/>
                <a:gd fmla="*/ 84 w 84" name="T30"/>
                <a:gd fmla="*/ 18 h 65" name="T31"/>
                <a:gd fmla="*/ 84 w 84" name="T32"/>
                <a:gd fmla="*/ 12 h 65" name="T33"/>
                <a:gd fmla="*/ 42 w 84" name="T34"/>
                <a:gd fmla="*/ 0 h 65" name="T35"/>
                <a:gd fmla="*/ 0 w 84" name="T36"/>
                <a:gd fmla="*/ 12 h 65" name="T37"/>
                <a:gd fmla="*/ 0 w 84" name="T38"/>
                <a:gd fmla="*/ 18 h 65" name="T39"/>
                <a:gd fmla="*/ 15 w 84" name="T40"/>
                <a:gd fmla="*/ 23 h 65" name="T41"/>
                <a:gd fmla="*/ 15 w 84" name="T42"/>
                <a:gd fmla="*/ 36 h 65" name="T43"/>
                <a:gd fmla="*/ 17 w 84" name="T44"/>
                <a:gd fmla="*/ 36 h 65" name="T45"/>
                <a:gd fmla="*/ 57 w 84" name="T46"/>
                <a:gd fmla="*/ 36 h 65" name="T47"/>
                <a:gd fmla="*/ 58 w 84" name="T48"/>
                <a:gd fmla="*/ 39 h 65" name="T49"/>
                <a:gd fmla="*/ 53 w 84" name="T50"/>
                <a:gd fmla="*/ 53 h 65" name="T51"/>
                <a:gd fmla="*/ 41 w 84" name="T52"/>
                <a:gd fmla="*/ 59 h 65" name="T53"/>
                <a:gd fmla="*/ 30 w 84" name="T54"/>
                <a:gd fmla="*/ 53 h 65" name="T55"/>
                <a:gd fmla="*/ 25 w 84" name="T56"/>
                <a:gd fmla="*/ 39 h 65" name="T57"/>
                <a:gd fmla="*/ 25 w 84" name="T58"/>
                <a:gd fmla="*/ 36 h 65" name="T59"/>
                <a:gd fmla="*/ 57 w 84" name="T60"/>
                <a:gd fmla="*/ 36 h 65" name="T6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b="b" l="0" r="r" t="0"/>
              <a:pathLst>
                <a:path h="65" w="84">
                  <a:moveTo>
                    <a:pt x="17" y="36"/>
                  </a:moveTo>
                  <a:cubicBezTo>
                    <a:pt x="11" y="59"/>
                    <a:pt x="11" y="59"/>
                    <a:pt x="11" y="59"/>
                  </a:cubicBezTo>
                  <a:cubicBezTo>
                    <a:pt x="27" y="59"/>
                    <a:pt x="27" y="59"/>
                    <a:pt x="27" y="59"/>
                  </a:cubicBezTo>
                  <a:cubicBezTo>
                    <a:pt x="31" y="63"/>
                    <a:pt x="36" y="65"/>
                    <a:pt x="41" y="65"/>
                  </a:cubicBezTo>
                  <a:cubicBezTo>
                    <a:pt x="46" y="65"/>
                    <a:pt x="51" y="63"/>
                    <a:pt x="55" y="59"/>
                  </a:cubicBezTo>
                  <a:cubicBezTo>
                    <a:pt x="70" y="59"/>
                    <a:pt x="70" y="59"/>
                    <a:pt x="70" y="59"/>
                  </a:cubicBezTo>
                  <a:cubicBezTo>
                    <a:pt x="65" y="36"/>
                    <a:pt x="65" y="36"/>
                    <a:pt x="65" y="36"/>
                  </a:cubicBezTo>
                  <a:cubicBezTo>
                    <a:pt x="69" y="36"/>
                    <a:pt x="69" y="36"/>
                    <a:pt x="69" y="36"/>
                  </a:cubicBezTo>
                  <a:cubicBezTo>
                    <a:pt x="69" y="22"/>
                    <a:pt x="69" y="22"/>
                    <a:pt x="69" y="22"/>
                  </a:cubicBezTo>
                  <a:cubicBezTo>
                    <a:pt x="78" y="20"/>
                    <a:pt x="78" y="20"/>
                    <a:pt x="78" y="20"/>
                  </a:cubicBezTo>
                  <a:cubicBezTo>
                    <a:pt x="78" y="27"/>
                    <a:pt x="78" y="27"/>
                    <a:pt x="78" y="27"/>
                  </a:cubicBezTo>
                  <a:cubicBezTo>
                    <a:pt x="76" y="41"/>
                    <a:pt x="76" y="41"/>
                    <a:pt x="76" y="41"/>
                  </a:cubicBezTo>
                  <a:cubicBezTo>
                    <a:pt x="83" y="41"/>
                    <a:pt x="83" y="41"/>
                    <a:pt x="83" y="41"/>
                  </a:cubicBezTo>
                  <a:cubicBezTo>
                    <a:pt x="81" y="27"/>
                    <a:pt x="81" y="27"/>
                    <a:pt x="81" y="27"/>
                  </a:cubicBezTo>
                  <a:cubicBezTo>
                    <a:pt x="81" y="19"/>
                    <a:pt x="81" y="19"/>
                    <a:pt x="81" y="19"/>
                  </a:cubicBezTo>
                  <a:cubicBezTo>
                    <a:pt x="84" y="18"/>
                    <a:pt x="84" y="18"/>
                    <a:pt x="84" y="18"/>
                  </a:cubicBezTo>
                  <a:cubicBezTo>
                    <a:pt x="84" y="12"/>
                    <a:pt x="84" y="12"/>
                    <a:pt x="84" y="12"/>
                  </a:cubicBezTo>
                  <a:cubicBezTo>
                    <a:pt x="42" y="0"/>
                    <a:pt x="42" y="0"/>
                    <a:pt x="42" y="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8"/>
                    <a:pt x="0" y="18"/>
                    <a:pt x="0" y="18"/>
                  </a:cubicBezTo>
                  <a:cubicBezTo>
                    <a:pt x="15" y="23"/>
                    <a:pt x="15" y="23"/>
                    <a:pt x="15" y="23"/>
                  </a:cubicBezTo>
                  <a:cubicBezTo>
                    <a:pt x="15" y="36"/>
                    <a:pt x="15" y="36"/>
                    <a:pt x="15" y="36"/>
                  </a:cubicBezTo>
                  <a:cubicBezTo>
                    <a:pt x="17" y="36"/>
                    <a:pt x="17" y="36"/>
                    <a:pt x="17" y="36"/>
                  </a:cubicBezTo>
                  <a:close/>
                  <a:moveTo>
                    <a:pt x="57" y="36"/>
                  </a:moveTo>
                  <a:cubicBezTo>
                    <a:pt x="57" y="37"/>
                    <a:pt x="58" y="38"/>
                    <a:pt x="58" y="39"/>
                  </a:cubicBezTo>
                  <a:cubicBezTo>
                    <a:pt x="58" y="44"/>
                    <a:pt x="56" y="49"/>
                    <a:pt x="53" y="53"/>
                  </a:cubicBezTo>
                  <a:cubicBezTo>
                    <a:pt x="50" y="56"/>
                    <a:pt x="45" y="59"/>
                    <a:pt x="41" y="59"/>
                  </a:cubicBezTo>
                  <a:cubicBezTo>
                    <a:pt x="37" y="59"/>
                    <a:pt x="33" y="56"/>
                    <a:pt x="30" y="53"/>
                  </a:cubicBezTo>
                  <a:cubicBezTo>
                    <a:pt x="26" y="49"/>
                    <a:pt x="25" y="44"/>
                    <a:pt x="25" y="39"/>
                  </a:cubicBezTo>
                  <a:cubicBezTo>
                    <a:pt x="25" y="38"/>
                    <a:pt x="25" y="37"/>
                    <a:pt x="25" y="36"/>
                  </a:cubicBezTo>
                  <a:lnTo>
                    <a:pt x="57" y="36"/>
                  </a:ln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5843724" y="3981450"/>
              <a:ext cx="354330" cy="2286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9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90%</a:t>
              </a:r>
            </a:p>
          </p:txBody>
        </p:sp>
      </p:grpSp>
      <p:grpSp>
        <p:nvGrpSpPr>
          <p:cNvPr id="22" name="组合 21"/>
          <p:cNvGrpSpPr/>
          <p:nvPr/>
        </p:nvGrpSpPr>
        <p:grpSpPr>
          <a:xfrm>
            <a:off x="9196807" y="3887084"/>
            <a:ext cx="640185" cy="830907"/>
            <a:chOff x="7581899" y="3381375"/>
            <a:chExt cx="640185" cy="830907"/>
          </a:xfrm>
        </p:grpSpPr>
        <p:sp>
          <p:nvSpPr>
            <p:cNvPr id="23" name="矩形 22"/>
            <p:cNvSpPr/>
            <p:nvPr/>
          </p:nvSpPr>
          <p:spPr>
            <a:xfrm>
              <a:off x="7581899" y="3695700"/>
              <a:ext cx="640185" cy="218678"/>
            </a:xfrm>
            <a:prstGeom prst="rect">
              <a:avLst/>
            </a:prstGeom>
            <a:solidFill>
              <a:srgbClr val="9DB9B6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4" name="Freeform 22"/>
            <p:cNvSpPr>
              <a:spLocks noEditPoints="1"/>
            </p:cNvSpPr>
            <p:nvPr/>
          </p:nvSpPr>
          <p:spPr bwMode="auto">
            <a:xfrm>
              <a:off x="7739063" y="3381375"/>
              <a:ext cx="314325" cy="244475"/>
            </a:xfrm>
            <a:custGeom>
              <a:gdLst>
                <a:gd fmla="*/ 17 w 84" name="T0"/>
                <a:gd fmla="*/ 36 h 65" name="T1"/>
                <a:gd fmla="*/ 11 w 84" name="T2"/>
                <a:gd fmla="*/ 59 h 65" name="T3"/>
                <a:gd fmla="*/ 27 w 84" name="T4"/>
                <a:gd fmla="*/ 59 h 65" name="T5"/>
                <a:gd fmla="*/ 41 w 84" name="T6"/>
                <a:gd fmla="*/ 65 h 65" name="T7"/>
                <a:gd fmla="*/ 55 w 84" name="T8"/>
                <a:gd fmla="*/ 59 h 65" name="T9"/>
                <a:gd fmla="*/ 70 w 84" name="T10"/>
                <a:gd fmla="*/ 59 h 65" name="T11"/>
                <a:gd fmla="*/ 65 w 84" name="T12"/>
                <a:gd fmla="*/ 36 h 65" name="T13"/>
                <a:gd fmla="*/ 69 w 84" name="T14"/>
                <a:gd fmla="*/ 36 h 65" name="T15"/>
                <a:gd fmla="*/ 69 w 84" name="T16"/>
                <a:gd fmla="*/ 22 h 65" name="T17"/>
                <a:gd fmla="*/ 78 w 84" name="T18"/>
                <a:gd fmla="*/ 20 h 65" name="T19"/>
                <a:gd fmla="*/ 78 w 84" name="T20"/>
                <a:gd fmla="*/ 27 h 65" name="T21"/>
                <a:gd fmla="*/ 76 w 84" name="T22"/>
                <a:gd fmla="*/ 41 h 65" name="T23"/>
                <a:gd fmla="*/ 83 w 84" name="T24"/>
                <a:gd fmla="*/ 41 h 65" name="T25"/>
                <a:gd fmla="*/ 81 w 84" name="T26"/>
                <a:gd fmla="*/ 27 h 65" name="T27"/>
                <a:gd fmla="*/ 81 w 84" name="T28"/>
                <a:gd fmla="*/ 19 h 65" name="T29"/>
                <a:gd fmla="*/ 84 w 84" name="T30"/>
                <a:gd fmla="*/ 18 h 65" name="T31"/>
                <a:gd fmla="*/ 84 w 84" name="T32"/>
                <a:gd fmla="*/ 12 h 65" name="T33"/>
                <a:gd fmla="*/ 42 w 84" name="T34"/>
                <a:gd fmla="*/ 0 h 65" name="T35"/>
                <a:gd fmla="*/ 0 w 84" name="T36"/>
                <a:gd fmla="*/ 12 h 65" name="T37"/>
                <a:gd fmla="*/ 0 w 84" name="T38"/>
                <a:gd fmla="*/ 18 h 65" name="T39"/>
                <a:gd fmla="*/ 15 w 84" name="T40"/>
                <a:gd fmla="*/ 23 h 65" name="T41"/>
                <a:gd fmla="*/ 15 w 84" name="T42"/>
                <a:gd fmla="*/ 36 h 65" name="T43"/>
                <a:gd fmla="*/ 17 w 84" name="T44"/>
                <a:gd fmla="*/ 36 h 65" name="T45"/>
                <a:gd fmla="*/ 57 w 84" name="T46"/>
                <a:gd fmla="*/ 36 h 65" name="T47"/>
                <a:gd fmla="*/ 58 w 84" name="T48"/>
                <a:gd fmla="*/ 39 h 65" name="T49"/>
                <a:gd fmla="*/ 53 w 84" name="T50"/>
                <a:gd fmla="*/ 53 h 65" name="T51"/>
                <a:gd fmla="*/ 41 w 84" name="T52"/>
                <a:gd fmla="*/ 59 h 65" name="T53"/>
                <a:gd fmla="*/ 30 w 84" name="T54"/>
                <a:gd fmla="*/ 53 h 65" name="T55"/>
                <a:gd fmla="*/ 25 w 84" name="T56"/>
                <a:gd fmla="*/ 39 h 65" name="T57"/>
                <a:gd fmla="*/ 25 w 84" name="T58"/>
                <a:gd fmla="*/ 36 h 65" name="T59"/>
                <a:gd fmla="*/ 57 w 84" name="T60"/>
                <a:gd fmla="*/ 36 h 65" name="T6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b="b" l="0" r="r" t="0"/>
              <a:pathLst>
                <a:path h="65" w="84">
                  <a:moveTo>
                    <a:pt x="17" y="36"/>
                  </a:moveTo>
                  <a:cubicBezTo>
                    <a:pt x="11" y="59"/>
                    <a:pt x="11" y="59"/>
                    <a:pt x="11" y="59"/>
                  </a:cubicBezTo>
                  <a:cubicBezTo>
                    <a:pt x="27" y="59"/>
                    <a:pt x="27" y="59"/>
                    <a:pt x="27" y="59"/>
                  </a:cubicBezTo>
                  <a:cubicBezTo>
                    <a:pt x="31" y="63"/>
                    <a:pt x="36" y="65"/>
                    <a:pt x="41" y="65"/>
                  </a:cubicBezTo>
                  <a:cubicBezTo>
                    <a:pt x="46" y="65"/>
                    <a:pt x="51" y="63"/>
                    <a:pt x="55" y="59"/>
                  </a:cubicBezTo>
                  <a:cubicBezTo>
                    <a:pt x="70" y="59"/>
                    <a:pt x="70" y="59"/>
                    <a:pt x="70" y="59"/>
                  </a:cubicBezTo>
                  <a:cubicBezTo>
                    <a:pt x="65" y="36"/>
                    <a:pt x="65" y="36"/>
                    <a:pt x="65" y="36"/>
                  </a:cubicBezTo>
                  <a:cubicBezTo>
                    <a:pt x="69" y="36"/>
                    <a:pt x="69" y="36"/>
                    <a:pt x="69" y="36"/>
                  </a:cubicBezTo>
                  <a:cubicBezTo>
                    <a:pt x="69" y="22"/>
                    <a:pt x="69" y="22"/>
                    <a:pt x="69" y="22"/>
                  </a:cubicBezTo>
                  <a:cubicBezTo>
                    <a:pt x="78" y="20"/>
                    <a:pt x="78" y="20"/>
                    <a:pt x="78" y="20"/>
                  </a:cubicBezTo>
                  <a:cubicBezTo>
                    <a:pt x="78" y="27"/>
                    <a:pt x="78" y="27"/>
                    <a:pt x="78" y="27"/>
                  </a:cubicBezTo>
                  <a:cubicBezTo>
                    <a:pt x="76" y="41"/>
                    <a:pt x="76" y="41"/>
                    <a:pt x="76" y="41"/>
                  </a:cubicBezTo>
                  <a:cubicBezTo>
                    <a:pt x="83" y="41"/>
                    <a:pt x="83" y="41"/>
                    <a:pt x="83" y="41"/>
                  </a:cubicBezTo>
                  <a:cubicBezTo>
                    <a:pt x="81" y="27"/>
                    <a:pt x="81" y="27"/>
                    <a:pt x="81" y="27"/>
                  </a:cubicBezTo>
                  <a:cubicBezTo>
                    <a:pt x="81" y="19"/>
                    <a:pt x="81" y="19"/>
                    <a:pt x="81" y="19"/>
                  </a:cubicBezTo>
                  <a:cubicBezTo>
                    <a:pt x="84" y="18"/>
                    <a:pt x="84" y="18"/>
                    <a:pt x="84" y="18"/>
                  </a:cubicBezTo>
                  <a:cubicBezTo>
                    <a:pt x="84" y="12"/>
                    <a:pt x="84" y="12"/>
                    <a:pt x="84" y="12"/>
                  </a:cubicBezTo>
                  <a:cubicBezTo>
                    <a:pt x="42" y="0"/>
                    <a:pt x="42" y="0"/>
                    <a:pt x="42" y="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8"/>
                    <a:pt x="0" y="18"/>
                    <a:pt x="0" y="18"/>
                  </a:cubicBezTo>
                  <a:cubicBezTo>
                    <a:pt x="15" y="23"/>
                    <a:pt x="15" y="23"/>
                    <a:pt x="15" y="23"/>
                  </a:cubicBezTo>
                  <a:cubicBezTo>
                    <a:pt x="15" y="36"/>
                    <a:pt x="15" y="36"/>
                    <a:pt x="15" y="36"/>
                  </a:cubicBezTo>
                  <a:cubicBezTo>
                    <a:pt x="17" y="36"/>
                    <a:pt x="17" y="36"/>
                    <a:pt x="17" y="36"/>
                  </a:cubicBezTo>
                  <a:close/>
                  <a:moveTo>
                    <a:pt x="57" y="36"/>
                  </a:moveTo>
                  <a:cubicBezTo>
                    <a:pt x="57" y="37"/>
                    <a:pt x="58" y="38"/>
                    <a:pt x="58" y="39"/>
                  </a:cubicBezTo>
                  <a:cubicBezTo>
                    <a:pt x="58" y="44"/>
                    <a:pt x="56" y="49"/>
                    <a:pt x="53" y="53"/>
                  </a:cubicBezTo>
                  <a:cubicBezTo>
                    <a:pt x="50" y="56"/>
                    <a:pt x="45" y="59"/>
                    <a:pt x="41" y="59"/>
                  </a:cubicBezTo>
                  <a:cubicBezTo>
                    <a:pt x="37" y="59"/>
                    <a:pt x="33" y="56"/>
                    <a:pt x="30" y="53"/>
                  </a:cubicBezTo>
                  <a:cubicBezTo>
                    <a:pt x="26" y="49"/>
                    <a:pt x="25" y="44"/>
                    <a:pt x="25" y="39"/>
                  </a:cubicBezTo>
                  <a:cubicBezTo>
                    <a:pt x="25" y="38"/>
                    <a:pt x="25" y="37"/>
                    <a:pt x="25" y="36"/>
                  </a:cubicBezTo>
                  <a:lnTo>
                    <a:pt x="57" y="36"/>
                  </a:ln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7684148" y="3981450"/>
              <a:ext cx="354330" cy="2286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9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60%</a:t>
              </a:r>
            </a:p>
          </p:txBody>
        </p:sp>
      </p:grpSp>
      <p:grpSp>
        <p:nvGrpSpPr>
          <p:cNvPr id="26" name="组合 25"/>
          <p:cNvGrpSpPr/>
          <p:nvPr/>
        </p:nvGrpSpPr>
        <p:grpSpPr>
          <a:xfrm>
            <a:off x="8276057" y="3887084"/>
            <a:ext cx="640185" cy="830907"/>
            <a:chOff x="6661149" y="3381375"/>
            <a:chExt cx="640185" cy="830907"/>
          </a:xfrm>
        </p:grpSpPr>
        <p:sp>
          <p:nvSpPr>
            <p:cNvPr id="27" name="矩形 26"/>
            <p:cNvSpPr/>
            <p:nvPr/>
          </p:nvSpPr>
          <p:spPr>
            <a:xfrm>
              <a:off x="6661149" y="3695700"/>
              <a:ext cx="640185" cy="218678"/>
            </a:xfrm>
            <a:prstGeom prst="rect">
              <a:avLst/>
            </a:pr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8" name="Freeform 22"/>
            <p:cNvSpPr>
              <a:spLocks noEditPoints="1"/>
            </p:cNvSpPr>
            <p:nvPr/>
          </p:nvSpPr>
          <p:spPr bwMode="auto">
            <a:xfrm>
              <a:off x="6811963" y="3381375"/>
              <a:ext cx="314325" cy="244475"/>
            </a:xfrm>
            <a:custGeom>
              <a:gdLst>
                <a:gd fmla="*/ 17 w 84" name="T0"/>
                <a:gd fmla="*/ 36 h 65" name="T1"/>
                <a:gd fmla="*/ 11 w 84" name="T2"/>
                <a:gd fmla="*/ 59 h 65" name="T3"/>
                <a:gd fmla="*/ 27 w 84" name="T4"/>
                <a:gd fmla="*/ 59 h 65" name="T5"/>
                <a:gd fmla="*/ 41 w 84" name="T6"/>
                <a:gd fmla="*/ 65 h 65" name="T7"/>
                <a:gd fmla="*/ 55 w 84" name="T8"/>
                <a:gd fmla="*/ 59 h 65" name="T9"/>
                <a:gd fmla="*/ 70 w 84" name="T10"/>
                <a:gd fmla="*/ 59 h 65" name="T11"/>
                <a:gd fmla="*/ 65 w 84" name="T12"/>
                <a:gd fmla="*/ 36 h 65" name="T13"/>
                <a:gd fmla="*/ 69 w 84" name="T14"/>
                <a:gd fmla="*/ 36 h 65" name="T15"/>
                <a:gd fmla="*/ 69 w 84" name="T16"/>
                <a:gd fmla="*/ 22 h 65" name="T17"/>
                <a:gd fmla="*/ 78 w 84" name="T18"/>
                <a:gd fmla="*/ 20 h 65" name="T19"/>
                <a:gd fmla="*/ 78 w 84" name="T20"/>
                <a:gd fmla="*/ 27 h 65" name="T21"/>
                <a:gd fmla="*/ 76 w 84" name="T22"/>
                <a:gd fmla="*/ 41 h 65" name="T23"/>
                <a:gd fmla="*/ 83 w 84" name="T24"/>
                <a:gd fmla="*/ 41 h 65" name="T25"/>
                <a:gd fmla="*/ 81 w 84" name="T26"/>
                <a:gd fmla="*/ 27 h 65" name="T27"/>
                <a:gd fmla="*/ 81 w 84" name="T28"/>
                <a:gd fmla="*/ 19 h 65" name="T29"/>
                <a:gd fmla="*/ 84 w 84" name="T30"/>
                <a:gd fmla="*/ 18 h 65" name="T31"/>
                <a:gd fmla="*/ 84 w 84" name="T32"/>
                <a:gd fmla="*/ 12 h 65" name="T33"/>
                <a:gd fmla="*/ 42 w 84" name="T34"/>
                <a:gd fmla="*/ 0 h 65" name="T35"/>
                <a:gd fmla="*/ 0 w 84" name="T36"/>
                <a:gd fmla="*/ 12 h 65" name="T37"/>
                <a:gd fmla="*/ 0 w 84" name="T38"/>
                <a:gd fmla="*/ 18 h 65" name="T39"/>
                <a:gd fmla="*/ 15 w 84" name="T40"/>
                <a:gd fmla="*/ 23 h 65" name="T41"/>
                <a:gd fmla="*/ 15 w 84" name="T42"/>
                <a:gd fmla="*/ 36 h 65" name="T43"/>
                <a:gd fmla="*/ 17 w 84" name="T44"/>
                <a:gd fmla="*/ 36 h 65" name="T45"/>
                <a:gd fmla="*/ 57 w 84" name="T46"/>
                <a:gd fmla="*/ 36 h 65" name="T47"/>
                <a:gd fmla="*/ 58 w 84" name="T48"/>
                <a:gd fmla="*/ 39 h 65" name="T49"/>
                <a:gd fmla="*/ 53 w 84" name="T50"/>
                <a:gd fmla="*/ 53 h 65" name="T51"/>
                <a:gd fmla="*/ 41 w 84" name="T52"/>
                <a:gd fmla="*/ 59 h 65" name="T53"/>
                <a:gd fmla="*/ 30 w 84" name="T54"/>
                <a:gd fmla="*/ 53 h 65" name="T55"/>
                <a:gd fmla="*/ 25 w 84" name="T56"/>
                <a:gd fmla="*/ 39 h 65" name="T57"/>
                <a:gd fmla="*/ 25 w 84" name="T58"/>
                <a:gd fmla="*/ 36 h 65" name="T59"/>
                <a:gd fmla="*/ 57 w 84" name="T60"/>
                <a:gd fmla="*/ 36 h 65" name="T6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b="b" l="0" r="r" t="0"/>
              <a:pathLst>
                <a:path h="65" w="84">
                  <a:moveTo>
                    <a:pt x="17" y="36"/>
                  </a:moveTo>
                  <a:cubicBezTo>
                    <a:pt x="11" y="59"/>
                    <a:pt x="11" y="59"/>
                    <a:pt x="11" y="59"/>
                  </a:cubicBezTo>
                  <a:cubicBezTo>
                    <a:pt x="27" y="59"/>
                    <a:pt x="27" y="59"/>
                    <a:pt x="27" y="59"/>
                  </a:cubicBezTo>
                  <a:cubicBezTo>
                    <a:pt x="31" y="63"/>
                    <a:pt x="36" y="65"/>
                    <a:pt x="41" y="65"/>
                  </a:cubicBezTo>
                  <a:cubicBezTo>
                    <a:pt x="46" y="65"/>
                    <a:pt x="51" y="63"/>
                    <a:pt x="55" y="59"/>
                  </a:cubicBezTo>
                  <a:cubicBezTo>
                    <a:pt x="70" y="59"/>
                    <a:pt x="70" y="59"/>
                    <a:pt x="70" y="59"/>
                  </a:cubicBezTo>
                  <a:cubicBezTo>
                    <a:pt x="65" y="36"/>
                    <a:pt x="65" y="36"/>
                    <a:pt x="65" y="36"/>
                  </a:cubicBezTo>
                  <a:cubicBezTo>
                    <a:pt x="69" y="36"/>
                    <a:pt x="69" y="36"/>
                    <a:pt x="69" y="36"/>
                  </a:cubicBezTo>
                  <a:cubicBezTo>
                    <a:pt x="69" y="22"/>
                    <a:pt x="69" y="22"/>
                    <a:pt x="69" y="22"/>
                  </a:cubicBezTo>
                  <a:cubicBezTo>
                    <a:pt x="78" y="20"/>
                    <a:pt x="78" y="20"/>
                    <a:pt x="78" y="20"/>
                  </a:cubicBezTo>
                  <a:cubicBezTo>
                    <a:pt x="78" y="27"/>
                    <a:pt x="78" y="27"/>
                    <a:pt x="78" y="27"/>
                  </a:cubicBezTo>
                  <a:cubicBezTo>
                    <a:pt x="76" y="41"/>
                    <a:pt x="76" y="41"/>
                    <a:pt x="76" y="41"/>
                  </a:cubicBezTo>
                  <a:cubicBezTo>
                    <a:pt x="83" y="41"/>
                    <a:pt x="83" y="41"/>
                    <a:pt x="83" y="41"/>
                  </a:cubicBezTo>
                  <a:cubicBezTo>
                    <a:pt x="81" y="27"/>
                    <a:pt x="81" y="27"/>
                    <a:pt x="81" y="27"/>
                  </a:cubicBezTo>
                  <a:cubicBezTo>
                    <a:pt x="81" y="19"/>
                    <a:pt x="81" y="19"/>
                    <a:pt x="81" y="19"/>
                  </a:cubicBezTo>
                  <a:cubicBezTo>
                    <a:pt x="84" y="18"/>
                    <a:pt x="84" y="18"/>
                    <a:pt x="84" y="18"/>
                  </a:cubicBezTo>
                  <a:cubicBezTo>
                    <a:pt x="84" y="12"/>
                    <a:pt x="84" y="12"/>
                    <a:pt x="84" y="12"/>
                  </a:cubicBezTo>
                  <a:cubicBezTo>
                    <a:pt x="42" y="0"/>
                    <a:pt x="42" y="0"/>
                    <a:pt x="42" y="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8"/>
                    <a:pt x="0" y="18"/>
                    <a:pt x="0" y="18"/>
                  </a:cubicBezTo>
                  <a:cubicBezTo>
                    <a:pt x="15" y="23"/>
                    <a:pt x="15" y="23"/>
                    <a:pt x="15" y="23"/>
                  </a:cubicBezTo>
                  <a:cubicBezTo>
                    <a:pt x="15" y="36"/>
                    <a:pt x="15" y="36"/>
                    <a:pt x="15" y="36"/>
                  </a:cubicBezTo>
                  <a:cubicBezTo>
                    <a:pt x="17" y="36"/>
                    <a:pt x="17" y="36"/>
                    <a:pt x="17" y="36"/>
                  </a:cubicBezTo>
                  <a:close/>
                  <a:moveTo>
                    <a:pt x="57" y="36"/>
                  </a:moveTo>
                  <a:cubicBezTo>
                    <a:pt x="57" y="37"/>
                    <a:pt x="58" y="38"/>
                    <a:pt x="58" y="39"/>
                  </a:cubicBezTo>
                  <a:cubicBezTo>
                    <a:pt x="58" y="44"/>
                    <a:pt x="56" y="49"/>
                    <a:pt x="53" y="53"/>
                  </a:cubicBezTo>
                  <a:cubicBezTo>
                    <a:pt x="50" y="56"/>
                    <a:pt x="45" y="59"/>
                    <a:pt x="41" y="59"/>
                  </a:cubicBezTo>
                  <a:cubicBezTo>
                    <a:pt x="37" y="59"/>
                    <a:pt x="33" y="56"/>
                    <a:pt x="30" y="53"/>
                  </a:cubicBezTo>
                  <a:cubicBezTo>
                    <a:pt x="26" y="49"/>
                    <a:pt x="25" y="44"/>
                    <a:pt x="25" y="39"/>
                  </a:cubicBezTo>
                  <a:cubicBezTo>
                    <a:pt x="25" y="38"/>
                    <a:pt x="25" y="37"/>
                    <a:pt x="25" y="36"/>
                  </a:cubicBezTo>
                  <a:lnTo>
                    <a:pt x="57" y="36"/>
                  </a:ln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6778626" y="3981450"/>
              <a:ext cx="354330" cy="2286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900">
                  <a:solidFill>
                    <a:schemeClr val="tx1">
                      <a:lumMod val="50000"/>
                      <a:lumOff val="50000"/>
                    </a:schemeClr>
                  </a:solidFill>
                  <a:latin charset="-122" pitchFamily="2" typeface="方正正粗黑简体"/>
                  <a:ea charset="-122" pitchFamily="2" typeface="方正正粗黑简体"/>
                </a:rPr>
                <a:t>70%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21" presetSubtype="1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heel(1)" transition="in">
                                      <p:cBhvr>
                                        <p:cTn dur="200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8" nodeType="withEffect" presetClass="entr" presetID="22" presetSubtype="8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dur="1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1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1" nodeType="withEffect" presetClass="entr" presetID="22" presetSubtype="8">
                                  <p:stCondLst>
                                    <p:cond delay="2100"/>
                                  </p:stCondLst>
                                  <p:childTnLst>
                                    <p:set>
                                      <p:cBhvr>
                                        <p:cTn dur="1" fill="hold" id="1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13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4" nodeType="withEffect" presetClass="entr" presetID="22" presetSubtype="8">
                                  <p:stCondLst>
                                    <p:cond delay="2300"/>
                                  </p:stCondLst>
                                  <p:childTnLst>
                                    <p:set>
                                      <p:cBhvr>
                                        <p:cTn dur="1" fill="hold" id="1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16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7" nodeType="withEffect" presetClass="entr" presetID="47" presetSubtype="0">
                                  <p:stCondLst>
                                    <p:cond delay="2750"/>
                                  </p:stCondLst>
                                  <p:childTnLst>
                                    <p:set>
                                      <p:cBhvr>
                                        <p:cTn dur="1" fill="hold" id="1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1000" id="19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1000" fill="hold" id="20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000" fill="hold" id="21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2" nodeType="withEffect" presetClass="entr" presetID="47" presetSubtype="0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dur="1" fill="hold" id="2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1000" id="24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1000" fill="hold" id="25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000" fill="hold" id="26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7" nodeType="withEffect" presetClass="entr" presetID="47" presetSubtype="0">
                                  <p:stCondLst>
                                    <p:cond delay="3200"/>
                                  </p:stCondLst>
                                  <p:childTnLst>
                                    <p:set>
                                      <p:cBhvr>
                                        <p:cTn dur="1" fill="hold" id="2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1000" id="29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1000" fill="hold" id="30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000" fill="hold" id="31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8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021119" y="2390371"/>
            <a:ext cx="1039813" cy="473075"/>
            <a:chOff x="482601" y="1790700"/>
            <a:chExt cx="1039813" cy="473075"/>
          </a:xfrm>
        </p:grpSpPr>
        <p:sp>
          <p:nvSpPr>
            <p:cNvPr id="3" name="Freeform 182"/>
            <p:cNvSpPr/>
            <p:nvPr/>
          </p:nvSpPr>
          <p:spPr bwMode="auto">
            <a:xfrm>
              <a:off x="482601" y="1870075"/>
              <a:ext cx="187325" cy="393700"/>
            </a:xfrm>
            <a:custGeom>
              <a:gdLst>
                <a:gd fmla="*/ 38 w 50" name="T0"/>
                <a:gd fmla="*/ 0 h 105" name="T1"/>
                <a:gd fmla="*/ 13 w 50" name="T2"/>
                <a:gd fmla="*/ 0 h 105" name="T3"/>
                <a:gd fmla="*/ 0 w 50" name="T4"/>
                <a:gd fmla="*/ 10 h 105" name="T5"/>
                <a:gd fmla="*/ 0 w 50" name="T6"/>
                <a:gd fmla="*/ 11 h 105" name="T7"/>
                <a:gd fmla="*/ 0 w 50" name="T8"/>
                <a:gd fmla="*/ 12 h 105" name="T9"/>
                <a:gd fmla="*/ 0 w 50" name="T10"/>
                <a:gd fmla="*/ 47 h 105" name="T11"/>
                <a:gd fmla="*/ 4 w 50" name="T12"/>
                <a:gd fmla="*/ 51 h 105" name="T13"/>
                <a:gd fmla="*/ 9 w 50" name="T14"/>
                <a:gd fmla="*/ 47 h 105" name="T15"/>
                <a:gd fmla="*/ 9 w 50" name="T16"/>
                <a:gd fmla="*/ 17 h 105" name="T17"/>
                <a:gd fmla="*/ 12 w 50" name="T18"/>
                <a:gd fmla="*/ 17 h 105" name="T19"/>
                <a:gd fmla="*/ 12 w 50" name="T20"/>
                <a:gd fmla="*/ 46 h 105" name="T21"/>
                <a:gd fmla="*/ 12 w 50" name="T22"/>
                <a:gd fmla="*/ 47 h 105" name="T23"/>
                <a:gd fmla="*/ 12 w 50" name="T24"/>
                <a:gd fmla="*/ 99 h 105" name="T25"/>
                <a:gd fmla="*/ 18 w 50" name="T26"/>
                <a:gd fmla="*/ 105 h 105" name="T27"/>
                <a:gd fmla="*/ 24 w 50" name="T28"/>
                <a:gd fmla="*/ 99 h 105" name="T29"/>
                <a:gd fmla="*/ 24 w 50" name="T30"/>
                <a:gd fmla="*/ 53 h 105" name="T31"/>
                <a:gd fmla="*/ 26 w 50" name="T32"/>
                <a:gd fmla="*/ 53 h 105" name="T33"/>
                <a:gd fmla="*/ 26 w 50" name="T34"/>
                <a:gd fmla="*/ 99 h 105" name="T35"/>
                <a:gd fmla="*/ 32 w 50" name="T36"/>
                <a:gd fmla="*/ 105 h 105" name="T37"/>
                <a:gd fmla="*/ 38 w 50" name="T38"/>
                <a:gd fmla="*/ 99 h 105" name="T39"/>
                <a:gd fmla="*/ 38 w 50" name="T40"/>
                <a:gd fmla="*/ 46 h 105" name="T41"/>
                <a:gd fmla="*/ 38 w 50" name="T42"/>
                <a:gd fmla="*/ 46 h 105" name="T43"/>
                <a:gd fmla="*/ 38 w 50" name="T44"/>
                <a:gd fmla="*/ 17 h 105" name="T45"/>
                <a:gd fmla="*/ 41 w 50" name="T46"/>
                <a:gd fmla="*/ 17 h 105" name="T47"/>
                <a:gd fmla="*/ 41 w 50" name="T48"/>
                <a:gd fmla="*/ 47 h 105" name="T49"/>
                <a:gd fmla="*/ 45 w 50" name="T50"/>
                <a:gd fmla="*/ 51 h 105" name="T51"/>
                <a:gd fmla="*/ 50 w 50" name="T52"/>
                <a:gd fmla="*/ 47 h 105" name="T53"/>
                <a:gd fmla="*/ 50 w 50" name="T54"/>
                <a:gd fmla="*/ 12 h 105" name="T55"/>
                <a:gd fmla="*/ 50 w 50" name="T56"/>
                <a:gd fmla="*/ 11 h 105" name="T57"/>
                <a:gd fmla="*/ 50 w 50" name="T58"/>
                <a:gd fmla="*/ 10 h 105" name="T59"/>
                <a:gd fmla="*/ 38 w 50" name="T60"/>
                <a:gd fmla="*/ 0 h 105" name="T6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b="b" l="0" r="r" t="0"/>
              <a:pathLst>
                <a:path h="105" w="50">
                  <a:moveTo>
                    <a:pt x="38" y="0"/>
                  </a:moveTo>
                  <a:cubicBezTo>
                    <a:pt x="13" y="0"/>
                    <a:pt x="13" y="0"/>
                    <a:pt x="13" y="0"/>
                  </a:cubicBezTo>
                  <a:cubicBezTo>
                    <a:pt x="4" y="0"/>
                    <a:pt x="0" y="8"/>
                    <a:pt x="0" y="10"/>
                  </a:cubicBezTo>
                  <a:cubicBezTo>
                    <a:pt x="0" y="11"/>
                    <a:pt x="0" y="11"/>
                    <a:pt x="0" y="11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47"/>
                    <a:pt x="0" y="47"/>
                    <a:pt x="0" y="47"/>
                  </a:cubicBezTo>
                  <a:cubicBezTo>
                    <a:pt x="0" y="49"/>
                    <a:pt x="2" y="51"/>
                    <a:pt x="4" y="51"/>
                  </a:cubicBezTo>
                  <a:cubicBezTo>
                    <a:pt x="7" y="51"/>
                    <a:pt x="9" y="49"/>
                    <a:pt x="9" y="47"/>
                  </a:cubicBezTo>
                  <a:cubicBezTo>
                    <a:pt x="9" y="17"/>
                    <a:pt x="9" y="17"/>
                    <a:pt x="9" y="17"/>
                  </a:cubicBezTo>
                  <a:cubicBezTo>
                    <a:pt x="12" y="17"/>
                    <a:pt x="12" y="17"/>
                    <a:pt x="12" y="17"/>
                  </a:cubicBezTo>
                  <a:cubicBezTo>
                    <a:pt x="12" y="46"/>
                    <a:pt x="12" y="46"/>
                    <a:pt x="12" y="46"/>
                  </a:cubicBezTo>
                  <a:cubicBezTo>
                    <a:pt x="12" y="46"/>
                    <a:pt x="12" y="47"/>
                    <a:pt x="12" y="47"/>
                  </a:cubicBezTo>
                  <a:cubicBezTo>
                    <a:pt x="12" y="99"/>
                    <a:pt x="12" y="99"/>
                    <a:pt x="12" y="99"/>
                  </a:cubicBezTo>
                  <a:cubicBezTo>
                    <a:pt x="12" y="102"/>
                    <a:pt x="15" y="105"/>
                    <a:pt x="18" y="105"/>
                  </a:cubicBezTo>
                  <a:cubicBezTo>
                    <a:pt x="21" y="105"/>
                    <a:pt x="24" y="102"/>
                    <a:pt x="24" y="99"/>
                  </a:cubicBezTo>
                  <a:cubicBezTo>
                    <a:pt x="24" y="53"/>
                    <a:pt x="24" y="53"/>
                    <a:pt x="24" y="53"/>
                  </a:cubicBezTo>
                  <a:cubicBezTo>
                    <a:pt x="26" y="53"/>
                    <a:pt x="26" y="53"/>
                    <a:pt x="26" y="53"/>
                  </a:cubicBezTo>
                  <a:cubicBezTo>
                    <a:pt x="26" y="99"/>
                    <a:pt x="26" y="99"/>
                    <a:pt x="26" y="99"/>
                  </a:cubicBezTo>
                  <a:cubicBezTo>
                    <a:pt x="26" y="102"/>
                    <a:pt x="29" y="105"/>
                    <a:pt x="32" y="105"/>
                  </a:cubicBezTo>
                  <a:cubicBezTo>
                    <a:pt x="35" y="105"/>
                    <a:pt x="38" y="102"/>
                    <a:pt x="38" y="99"/>
                  </a:cubicBezTo>
                  <a:cubicBezTo>
                    <a:pt x="38" y="46"/>
                    <a:pt x="38" y="46"/>
                    <a:pt x="38" y="46"/>
                  </a:cubicBezTo>
                  <a:cubicBezTo>
                    <a:pt x="38" y="46"/>
                    <a:pt x="38" y="46"/>
                    <a:pt x="38" y="46"/>
                  </a:cubicBezTo>
                  <a:cubicBezTo>
                    <a:pt x="38" y="17"/>
                    <a:pt x="38" y="17"/>
                    <a:pt x="38" y="17"/>
                  </a:cubicBezTo>
                  <a:cubicBezTo>
                    <a:pt x="41" y="17"/>
                    <a:pt x="41" y="17"/>
                    <a:pt x="41" y="17"/>
                  </a:cubicBezTo>
                  <a:cubicBezTo>
                    <a:pt x="41" y="47"/>
                    <a:pt x="41" y="47"/>
                    <a:pt x="41" y="47"/>
                  </a:cubicBezTo>
                  <a:cubicBezTo>
                    <a:pt x="41" y="49"/>
                    <a:pt x="43" y="51"/>
                    <a:pt x="45" y="51"/>
                  </a:cubicBezTo>
                  <a:cubicBezTo>
                    <a:pt x="48" y="51"/>
                    <a:pt x="50" y="49"/>
                    <a:pt x="50" y="47"/>
                  </a:cubicBezTo>
                  <a:cubicBezTo>
                    <a:pt x="50" y="12"/>
                    <a:pt x="50" y="12"/>
                    <a:pt x="50" y="12"/>
                  </a:cubicBezTo>
                  <a:cubicBezTo>
                    <a:pt x="50" y="11"/>
                    <a:pt x="50" y="11"/>
                    <a:pt x="50" y="11"/>
                  </a:cubicBezTo>
                  <a:cubicBezTo>
                    <a:pt x="50" y="10"/>
                    <a:pt x="50" y="10"/>
                    <a:pt x="50" y="10"/>
                  </a:cubicBezTo>
                  <a:cubicBezTo>
                    <a:pt x="50" y="7"/>
                    <a:pt x="46" y="0"/>
                    <a:pt x="38" y="0"/>
                  </a:cubicBezTo>
                </a:path>
              </a:pathLst>
            </a:custGeom>
            <a:solidFill>
              <a:srgbClr val="72706D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4" name="Oval 183"/>
            <p:cNvSpPr>
              <a:spLocks noChangeArrowheads="1"/>
            </p:cNvSpPr>
            <p:nvPr/>
          </p:nvSpPr>
          <p:spPr bwMode="auto">
            <a:xfrm>
              <a:off x="539751" y="1790700"/>
              <a:ext cx="74613" cy="71438"/>
            </a:xfrm>
            <a:prstGeom prst="ellipse">
              <a:avLst/>
            </a:prstGeom>
            <a:solidFill>
              <a:srgbClr val="72706D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5" name="Rectangle 184"/>
            <p:cNvSpPr>
              <a:spLocks noChangeArrowheads="1"/>
            </p:cNvSpPr>
            <p:nvPr/>
          </p:nvSpPr>
          <p:spPr bwMode="auto">
            <a:xfrm>
              <a:off x="752476" y="1870075"/>
              <a:ext cx="769938" cy="371475"/>
            </a:xfrm>
            <a:prstGeom prst="rect">
              <a:avLst/>
            </a:prstGeom>
            <a:solidFill>
              <a:srgbClr val="72706D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6" name="Freeform 185"/>
            <p:cNvSpPr>
              <a:spLocks noEditPoints="1"/>
            </p:cNvSpPr>
            <p:nvPr/>
          </p:nvSpPr>
          <p:spPr bwMode="auto">
            <a:xfrm>
              <a:off x="938213" y="1997075"/>
              <a:ext cx="101600" cy="127000"/>
            </a:xfrm>
            <a:custGeom>
              <a:gdLst>
                <a:gd fmla="*/ 43 w 64" name="T0"/>
                <a:gd fmla="*/ 62 h 80" name="T1"/>
                <a:gd fmla="*/ 0 w 64" name="T2"/>
                <a:gd fmla="*/ 62 h 80" name="T3"/>
                <a:gd fmla="*/ 0 w 64" name="T4"/>
                <a:gd fmla="*/ 52 h 80" name="T5"/>
                <a:gd fmla="*/ 43 w 64" name="T6"/>
                <a:gd fmla="*/ 0 h 80" name="T7"/>
                <a:gd fmla="*/ 50 w 64" name="T8"/>
                <a:gd fmla="*/ 0 h 80" name="T9"/>
                <a:gd fmla="*/ 50 w 64" name="T10"/>
                <a:gd fmla="*/ 54 h 80" name="T11"/>
                <a:gd fmla="*/ 64 w 64" name="T12"/>
                <a:gd fmla="*/ 54 h 80" name="T13"/>
                <a:gd fmla="*/ 64 w 64" name="T14"/>
                <a:gd fmla="*/ 62 h 80" name="T15"/>
                <a:gd fmla="*/ 50 w 64" name="T16"/>
                <a:gd fmla="*/ 62 h 80" name="T17"/>
                <a:gd fmla="*/ 50 w 64" name="T18"/>
                <a:gd fmla="*/ 80 h 80" name="T19"/>
                <a:gd fmla="*/ 43 w 64" name="T20"/>
                <a:gd fmla="*/ 80 h 80" name="T21"/>
                <a:gd fmla="*/ 43 w 64" name="T22"/>
                <a:gd fmla="*/ 62 h 80" name="T23"/>
                <a:gd fmla="*/ 43 w 64" name="T24"/>
                <a:gd fmla="*/ 12 h 80" name="T25"/>
                <a:gd fmla="*/ 43 w 64" name="T26"/>
                <a:gd fmla="*/ 12 h 80" name="T27"/>
                <a:gd fmla="*/ 8 w 64" name="T28"/>
                <a:gd fmla="*/ 54 h 80" name="T29"/>
                <a:gd fmla="*/ 43 w 64" name="T30"/>
                <a:gd fmla="*/ 54 h 80" name="T31"/>
                <a:gd fmla="*/ 43 w 64" name="T32"/>
                <a:gd fmla="*/ 12 h 80" name="T3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b="b" l="0" r="r" t="0"/>
              <a:pathLst>
                <a:path h="80" w="64">
                  <a:moveTo>
                    <a:pt x="43" y="62"/>
                  </a:moveTo>
                  <a:lnTo>
                    <a:pt x="0" y="62"/>
                  </a:lnTo>
                  <a:lnTo>
                    <a:pt x="0" y="52"/>
                  </a:lnTo>
                  <a:lnTo>
                    <a:pt x="43" y="0"/>
                  </a:lnTo>
                  <a:lnTo>
                    <a:pt x="50" y="0"/>
                  </a:lnTo>
                  <a:lnTo>
                    <a:pt x="50" y="54"/>
                  </a:lnTo>
                  <a:lnTo>
                    <a:pt x="64" y="54"/>
                  </a:lnTo>
                  <a:lnTo>
                    <a:pt x="64" y="62"/>
                  </a:lnTo>
                  <a:lnTo>
                    <a:pt x="50" y="62"/>
                  </a:lnTo>
                  <a:lnTo>
                    <a:pt x="50" y="80"/>
                  </a:lnTo>
                  <a:lnTo>
                    <a:pt x="43" y="80"/>
                  </a:lnTo>
                  <a:lnTo>
                    <a:pt x="43" y="62"/>
                  </a:lnTo>
                  <a:close/>
                  <a:moveTo>
                    <a:pt x="43" y="12"/>
                  </a:moveTo>
                  <a:lnTo>
                    <a:pt x="43" y="12"/>
                  </a:lnTo>
                  <a:lnTo>
                    <a:pt x="8" y="54"/>
                  </a:lnTo>
                  <a:lnTo>
                    <a:pt x="43" y="54"/>
                  </a:lnTo>
                  <a:lnTo>
                    <a:pt x="43" y="12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7" name="Freeform 186"/>
            <p:cNvSpPr/>
            <p:nvPr/>
          </p:nvSpPr>
          <p:spPr bwMode="auto">
            <a:xfrm>
              <a:off x="1058863" y="1997075"/>
              <a:ext cx="96838" cy="127000"/>
            </a:xfrm>
            <a:custGeom>
              <a:gdLst>
                <a:gd fmla="*/ 26 w 26" name="T0"/>
                <a:gd fmla="*/ 34 h 34" name="T1"/>
                <a:gd fmla="*/ 0 w 26" name="T2"/>
                <a:gd fmla="*/ 34 h 34" name="T3"/>
                <a:gd fmla="*/ 12 w 26" name="T4"/>
                <a:gd fmla="*/ 21 h 34" name="T5"/>
                <a:gd fmla="*/ 22 w 26" name="T6"/>
                <a:gd fmla="*/ 10 h 34" name="T7"/>
                <a:gd fmla="*/ 13 w 26" name="T8"/>
                <a:gd fmla="*/ 3 h 34" name="T9"/>
                <a:gd fmla="*/ 4 w 26" name="T10"/>
                <a:gd fmla="*/ 12 h 34" name="T11"/>
                <a:gd fmla="*/ 1 w 26" name="T12"/>
                <a:gd fmla="*/ 12 h 34" name="T13"/>
                <a:gd fmla="*/ 14 w 26" name="T14"/>
                <a:gd fmla="*/ 0 h 34" name="T15"/>
                <a:gd fmla="*/ 25 w 26" name="T16"/>
                <a:gd fmla="*/ 10 h 34" name="T17"/>
                <a:gd fmla="*/ 17 w 26" name="T18"/>
                <a:gd fmla="*/ 21 h 34" name="T19"/>
                <a:gd fmla="*/ 4 w 26" name="T20"/>
                <a:gd fmla="*/ 31 h 34" name="T21"/>
                <a:gd fmla="*/ 26 w 26" name="T22"/>
                <a:gd fmla="*/ 31 h 34" name="T23"/>
                <a:gd fmla="*/ 26 w 26" name="T24"/>
                <a:gd fmla="*/ 34 h 34" name="T25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b="b" l="0" r="r" t="0"/>
              <a:pathLst>
                <a:path h="34" w="26">
                  <a:moveTo>
                    <a:pt x="26" y="34"/>
                  </a:moveTo>
                  <a:cubicBezTo>
                    <a:pt x="0" y="34"/>
                    <a:pt x="0" y="34"/>
                    <a:pt x="0" y="34"/>
                  </a:cubicBezTo>
                  <a:cubicBezTo>
                    <a:pt x="0" y="30"/>
                    <a:pt x="2" y="26"/>
                    <a:pt x="12" y="21"/>
                  </a:cubicBezTo>
                  <a:cubicBezTo>
                    <a:pt x="19" y="17"/>
                    <a:pt x="22" y="15"/>
                    <a:pt x="22" y="10"/>
                  </a:cubicBezTo>
                  <a:cubicBezTo>
                    <a:pt x="22" y="6"/>
                    <a:pt x="19" y="3"/>
                    <a:pt x="13" y="3"/>
                  </a:cubicBezTo>
                  <a:cubicBezTo>
                    <a:pt x="6" y="3"/>
                    <a:pt x="4" y="8"/>
                    <a:pt x="4" y="12"/>
                  </a:cubicBezTo>
                  <a:cubicBezTo>
                    <a:pt x="1" y="12"/>
                    <a:pt x="1" y="12"/>
                    <a:pt x="1" y="12"/>
                  </a:cubicBezTo>
                  <a:cubicBezTo>
                    <a:pt x="1" y="4"/>
                    <a:pt x="6" y="0"/>
                    <a:pt x="14" y="0"/>
                  </a:cubicBezTo>
                  <a:cubicBezTo>
                    <a:pt x="23" y="0"/>
                    <a:pt x="25" y="6"/>
                    <a:pt x="25" y="10"/>
                  </a:cubicBezTo>
                  <a:cubicBezTo>
                    <a:pt x="25" y="16"/>
                    <a:pt x="22" y="19"/>
                    <a:pt x="17" y="21"/>
                  </a:cubicBezTo>
                  <a:cubicBezTo>
                    <a:pt x="8" y="26"/>
                    <a:pt x="5" y="28"/>
                    <a:pt x="4" y="31"/>
                  </a:cubicBezTo>
                  <a:cubicBezTo>
                    <a:pt x="26" y="31"/>
                    <a:pt x="26" y="31"/>
                    <a:pt x="26" y="31"/>
                  </a:cubicBezTo>
                  <a:lnTo>
                    <a:pt x="26" y="34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8" name="Freeform 187"/>
            <p:cNvSpPr>
              <a:spLocks noEditPoints="1"/>
            </p:cNvSpPr>
            <p:nvPr/>
          </p:nvSpPr>
          <p:spPr bwMode="auto">
            <a:xfrm>
              <a:off x="1179513" y="1997075"/>
              <a:ext cx="149225" cy="131763"/>
            </a:xfrm>
            <a:custGeom>
              <a:gdLst>
                <a:gd fmla="*/ 0 w 40" name="T0"/>
                <a:gd fmla="*/ 9 h 35" name="T1"/>
                <a:gd fmla="*/ 9 w 40" name="T2"/>
                <a:gd fmla="*/ 0 h 35" name="T3"/>
                <a:gd fmla="*/ 17 w 40" name="T4"/>
                <a:gd fmla="*/ 9 h 35" name="T5"/>
                <a:gd fmla="*/ 9 w 40" name="T6"/>
                <a:gd fmla="*/ 19 h 35" name="T7"/>
                <a:gd fmla="*/ 0 w 40" name="T8"/>
                <a:gd fmla="*/ 9 h 35" name="T9"/>
                <a:gd fmla="*/ 14 w 40" name="T10"/>
                <a:gd fmla="*/ 9 h 35" name="T11"/>
                <a:gd fmla="*/ 9 w 40" name="T12"/>
                <a:gd fmla="*/ 3 h 35" name="T13"/>
                <a:gd fmla="*/ 3 w 40" name="T14"/>
                <a:gd fmla="*/ 9 h 35" name="T15"/>
                <a:gd fmla="*/ 9 w 40" name="T16"/>
                <a:gd fmla="*/ 16 h 35" name="T17"/>
                <a:gd fmla="*/ 14 w 40" name="T18"/>
                <a:gd fmla="*/ 9 h 35" name="T19"/>
                <a:gd fmla="*/ 30 w 40" name="T20"/>
                <a:gd fmla="*/ 0 h 35" name="T21"/>
                <a:gd fmla="*/ 33 w 40" name="T22"/>
                <a:gd fmla="*/ 0 h 35" name="T23"/>
                <a:gd fmla="*/ 10 w 40" name="T24"/>
                <a:gd fmla="*/ 35 h 35" name="T25"/>
                <a:gd fmla="*/ 7 w 40" name="T26"/>
                <a:gd fmla="*/ 35 h 35" name="T27"/>
                <a:gd fmla="*/ 30 w 40" name="T28"/>
                <a:gd fmla="*/ 0 h 35" name="T29"/>
                <a:gd fmla="*/ 23 w 40" name="T30"/>
                <a:gd fmla="*/ 25 h 35" name="T31"/>
                <a:gd fmla="*/ 32 w 40" name="T32"/>
                <a:gd fmla="*/ 16 h 35" name="T33"/>
                <a:gd fmla="*/ 40 w 40" name="T34"/>
                <a:gd fmla="*/ 25 h 35" name="T35"/>
                <a:gd fmla="*/ 32 w 40" name="T36"/>
                <a:gd fmla="*/ 35 h 35" name="T37"/>
                <a:gd fmla="*/ 23 w 40" name="T38"/>
                <a:gd fmla="*/ 25 h 35" name="T39"/>
                <a:gd fmla="*/ 37 w 40" name="T40"/>
                <a:gd fmla="*/ 25 h 35" name="T41"/>
                <a:gd fmla="*/ 32 w 40" name="T42"/>
                <a:gd fmla="*/ 19 h 35" name="T43"/>
                <a:gd fmla="*/ 26 w 40" name="T44"/>
                <a:gd fmla="*/ 25 h 35" name="T45"/>
                <a:gd fmla="*/ 32 w 40" name="T46"/>
                <a:gd fmla="*/ 32 h 35" name="T47"/>
                <a:gd fmla="*/ 37 w 40" name="T48"/>
                <a:gd fmla="*/ 25 h 35" name="T4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b="b" l="0" r="r" t="0"/>
              <a:pathLst>
                <a:path h="35" w="40">
                  <a:moveTo>
                    <a:pt x="0" y="9"/>
                  </a:moveTo>
                  <a:cubicBezTo>
                    <a:pt x="0" y="3"/>
                    <a:pt x="4" y="0"/>
                    <a:pt x="9" y="0"/>
                  </a:cubicBezTo>
                  <a:cubicBezTo>
                    <a:pt x="13" y="0"/>
                    <a:pt x="17" y="3"/>
                    <a:pt x="17" y="9"/>
                  </a:cubicBezTo>
                  <a:cubicBezTo>
                    <a:pt x="17" y="16"/>
                    <a:pt x="13" y="19"/>
                    <a:pt x="9" y="19"/>
                  </a:cubicBezTo>
                  <a:cubicBezTo>
                    <a:pt x="4" y="19"/>
                    <a:pt x="0" y="16"/>
                    <a:pt x="0" y="9"/>
                  </a:cubicBezTo>
                  <a:moveTo>
                    <a:pt x="14" y="9"/>
                  </a:moveTo>
                  <a:cubicBezTo>
                    <a:pt x="14" y="5"/>
                    <a:pt x="12" y="3"/>
                    <a:pt x="9" y="3"/>
                  </a:cubicBezTo>
                  <a:cubicBezTo>
                    <a:pt x="5" y="3"/>
                    <a:pt x="3" y="5"/>
                    <a:pt x="3" y="9"/>
                  </a:cubicBezTo>
                  <a:cubicBezTo>
                    <a:pt x="3" y="14"/>
                    <a:pt x="5" y="16"/>
                    <a:pt x="9" y="16"/>
                  </a:cubicBezTo>
                  <a:cubicBezTo>
                    <a:pt x="12" y="16"/>
                    <a:pt x="14" y="14"/>
                    <a:pt x="14" y="9"/>
                  </a:cubicBezTo>
                  <a:moveTo>
                    <a:pt x="30" y="0"/>
                  </a:moveTo>
                  <a:cubicBezTo>
                    <a:pt x="33" y="0"/>
                    <a:pt x="33" y="0"/>
                    <a:pt x="33" y="0"/>
                  </a:cubicBezTo>
                  <a:cubicBezTo>
                    <a:pt x="10" y="35"/>
                    <a:pt x="10" y="35"/>
                    <a:pt x="10" y="35"/>
                  </a:cubicBezTo>
                  <a:cubicBezTo>
                    <a:pt x="7" y="35"/>
                    <a:pt x="7" y="35"/>
                    <a:pt x="7" y="35"/>
                  </a:cubicBezTo>
                  <a:lnTo>
                    <a:pt x="30" y="0"/>
                  </a:lnTo>
                  <a:close/>
                  <a:moveTo>
                    <a:pt x="23" y="25"/>
                  </a:moveTo>
                  <a:cubicBezTo>
                    <a:pt x="23" y="19"/>
                    <a:pt x="27" y="16"/>
                    <a:pt x="32" y="16"/>
                  </a:cubicBezTo>
                  <a:cubicBezTo>
                    <a:pt x="37" y="16"/>
                    <a:pt x="40" y="19"/>
                    <a:pt x="40" y="25"/>
                  </a:cubicBezTo>
                  <a:cubicBezTo>
                    <a:pt x="40" y="32"/>
                    <a:pt x="37" y="35"/>
                    <a:pt x="32" y="35"/>
                  </a:cubicBezTo>
                  <a:cubicBezTo>
                    <a:pt x="27" y="35"/>
                    <a:pt x="23" y="32"/>
                    <a:pt x="23" y="25"/>
                  </a:cubicBezTo>
                  <a:moveTo>
                    <a:pt x="37" y="25"/>
                  </a:moveTo>
                  <a:cubicBezTo>
                    <a:pt x="37" y="21"/>
                    <a:pt x="35" y="19"/>
                    <a:pt x="32" y="19"/>
                  </a:cubicBezTo>
                  <a:cubicBezTo>
                    <a:pt x="28" y="19"/>
                    <a:pt x="26" y="21"/>
                    <a:pt x="26" y="25"/>
                  </a:cubicBezTo>
                  <a:cubicBezTo>
                    <a:pt x="26" y="30"/>
                    <a:pt x="28" y="32"/>
                    <a:pt x="32" y="32"/>
                  </a:cubicBezTo>
                  <a:cubicBezTo>
                    <a:pt x="35" y="32"/>
                    <a:pt x="37" y="30"/>
                    <a:pt x="37" y="2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grpSp>
        <p:nvGrpSpPr>
          <p:cNvPr id="9" name="组合 8"/>
          <p:cNvGrpSpPr/>
          <p:nvPr/>
        </p:nvGrpSpPr>
        <p:grpSpPr>
          <a:xfrm>
            <a:off x="2006831" y="2919009"/>
            <a:ext cx="1054101" cy="473075"/>
            <a:chOff x="468313" y="2319338"/>
            <a:chExt cx="1054101" cy="473075"/>
          </a:xfrm>
        </p:grpSpPr>
        <p:sp>
          <p:nvSpPr>
            <p:cNvPr id="10" name="Oval 179"/>
            <p:cNvSpPr>
              <a:spLocks noChangeArrowheads="1"/>
            </p:cNvSpPr>
            <p:nvPr/>
          </p:nvSpPr>
          <p:spPr bwMode="auto">
            <a:xfrm>
              <a:off x="539751" y="2319338"/>
              <a:ext cx="71438" cy="71438"/>
            </a:xfrm>
            <a:prstGeom prst="ellipse">
              <a:avLst/>
            </a:pr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1" name="Freeform 180"/>
            <p:cNvSpPr/>
            <p:nvPr/>
          </p:nvSpPr>
          <p:spPr bwMode="auto">
            <a:xfrm>
              <a:off x="468313" y="2406650"/>
              <a:ext cx="220663" cy="385763"/>
            </a:xfrm>
            <a:custGeom>
              <a:gdLst>
                <a:gd fmla="*/ 58 w 59" name="T0"/>
                <a:gd fmla="*/ 38 h 103" name="T1"/>
                <a:gd fmla="*/ 47 w 59" name="T2"/>
                <a:gd fmla="*/ 6 h 103" name="T3"/>
                <a:gd fmla="*/ 40 w 59" name="T4"/>
                <a:gd fmla="*/ 0 h 103" name="T5"/>
                <a:gd fmla="*/ 17 w 59" name="T6"/>
                <a:gd fmla="*/ 0 h 103" name="T7"/>
                <a:gd fmla="*/ 11 w 59" name="T8"/>
                <a:gd fmla="*/ 3 h 103" name="T9"/>
                <a:gd fmla="*/ 11 w 59" name="T10"/>
                <a:gd fmla="*/ 4 h 103" name="T11"/>
                <a:gd fmla="*/ 11 w 59" name="T12"/>
                <a:gd fmla="*/ 5 h 103" name="T13"/>
                <a:gd fmla="*/ 11 w 59" name="T14"/>
                <a:gd fmla="*/ 5 h 103" name="T15"/>
                <a:gd fmla="*/ 0 w 59" name="T16"/>
                <a:gd fmla="*/ 38 h 103" name="T17"/>
                <a:gd fmla="*/ 3 w 59" name="T18"/>
                <a:gd fmla="*/ 44 h 103" name="T19"/>
                <a:gd fmla="*/ 8 w 59" name="T20"/>
                <a:gd fmla="*/ 41 h 103" name="T21"/>
                <a:gd fmla="*/ 16 w 59" name="T22"/>
                <a:gd fmla="*/ 15 h 103" name="T23"/>
                <a:gd fmla="*/ 17 w 59" name="T24"/>
                <a:gd fmla="*/ 15 h 103" name="T25"/>
                <a:gd fmla="*/ 18 w 59" name="T26"/>
                <a:gd fmla="*/ 15 h 103" name="T27"/>
                <a:gd fmla="*/ 6 w 59" name="T28"/>
                <a:gd fmla="*/ 62 h 103" name="T29"/>
                <a:gd fmla="*/ 18 w 59" name="T30"/>
                <a:gd fmla="*/ 62 h 103" name="T31"/>
                <a:gd fmla="*/ 18 w 59" name="T32"/>
                <a:gd fmla="*/ 99 h 103" name="T33"/>
                <a:gd fmla="*/ 23 w 59" name="T34"/>
                <a:gd fmla="*/ 103 h 103" name="T35"/>
                <a:gd fmla="*/ 28 w 59" name="T36"/>
                <a:gd fmla="*/ 99 h 103" name="T37"/>
                <a:gd fmla="*/ 28 w 59" name="T38"/>
                <a:gd fmla="*/ 62 h 103" name="T39"/>
                <a:gd fmla="*/ 31 w 59" name="T40"/>
                <a:gd fmla="*/ 62 h 103" name="T41"/>
                <a:gd fmla="*/ 31 w 59" name="T42"/>
                <a:gd fmla="*/ 99 h 103" name="T43"/>
                <a:gd fmla="*/ 35 w 59" name="T44"/>
                <a:gd fmla="*/ 103 h 103" name="T45"/>
                <a:gd fmla="*/ 40 w 59" name="T46"/>
                <a:gd fmla="*/ 99 h 103" name="T47"/>
                <a:gd fmla="*/ 40 w 59" name="T48"/>
                <a:gd fmla="*/ 62 h 103" name="T49"/>
                <a:gd fmla="*/ 53 w 59" name="T50"/>
                <a:gd fmla="*/ 62 h 103" name="T51"/>
                <a:gd fmla="*/ 40 w 59" name="T52"/>
                <a:gd fmla="*/ 15 h 103" name="T53"/>
                <a:gd fmla="*/ 40 w 59" name="T54"/>
                <a:gd fmla="*/ 15 h 103" name="T55"/>
                <a:gd fmla="*/ 41 w 59" name="T56"/>
                <a:gd fmla="*/ 15 h 103" name="T57"/>
                <a:gd fmla="*/ 50 w 59" name="T58"/>
                <a:gd fmla="*/ 41 h 103" name="T59"/>
                <a:gd fmla="*/ 55 w 59" name="T60"/>
                <a:gd fmla="*/ 43 h 103" name="T61"/>
                <a:gd fmla="*/ 58 w 59" name="T62"/>
                <a:gd fmla="*/ 38 h 103" name="T6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</a:cxnLst>
              <a:rect b="b" l="0" r="r" t="0"/>
              <a:pathLst>
                <a:path h="103" w="59">
                  <a:moveTo>
                    <a:pt x="58" y="38"/>
                  </a:moveTo>
                  <a:cubicBezTo>
                    <a:pt x="47" y="6"/>
                    <a:pt x="47" y="6"/>
                    <a:pt x="47" y="6"/>
                  </a:cubicBezTo>
                  <a:cubicBezTo>
                    <a:pt x="47" y="3"/>
                    <a:pt x="44" y="0"/>
                    <a:pt x="40" y="0"/>
                  </a:cubicBezTo>
                  <a:cubicBezTo>
                    <a:pt x="17" y="0"/>
                    <a:pt x="17" y="0"/>
                    <a:pt x="17" y="0"/>
                  </a:cubicBezTo>
                  <a:cubicBezTo>
                    <a:pt x="15" y="0"/>
                    <a:pt x="13" y="1"/>
                    <a:pt x="11" y="3"/>
                  </a:cubicBezTo>
                  <a:cubicBezTo>
                    <a:pt x="11" y="4"/>
                    <a:pt x="11" y="4"/>
                    <a:pt x="11" y="4"/>
                  </a:cubicBezTo>
                  <a:cubicBezTo>
                    <a:pt x="11" y="5"/>
                    <a:pt x="11" y="5"/>
                    <a:pt x="11" y="5"/>
                  </a:cubicBezTo>
                  <a:cubicBezTo>
                    <a:pt x="11" y="5"/>
                    <a:pt x="11" y="5"/>
                    <a:pt x="11" y="5"/>
                  </a:cubicBezTo>
                  <a:cubicBezTo>
                    <a:pt x="0" y="38"/>
                    <a:pt x="0" y="38"/>
                    <a:pt x="0" y="38"/>
                  </a:cubicBezTo>
                  <a:cubicBezTo>
                    <a:pt x="0" y="40"/>
                    <a:pt x="1" y="43"/>
                    <a:pt x="3" y="44"/>
                  </a:cubicBezTo>
                  <a:cubicBezTo>
                    <a:pt x="5" y="44"/>
                    <a:pt x="8" y="43"/>
                    <a:pt x="8" y="41"/>
                  </a:cubicBezTo>
                  <a:cubicBezTo>
                    <a:pt x="16" y="15"/>
                    <a:pt x="16" y="15"/>
                    <a:pt x="16" y="15"/>
                  </a:cubicBezTo>
                  <a:cubicBezTo>
                    <a:pt x="17" y="15"/>
                    <a:pt x="17" y="15"/>
                    <a:pt x="17" y="15"/>
                  </a:cubicBezTo>
                  <a:cubicBezTo>
                    <a:pt x="18" y="15"/>
                    <a:pt x="18" y="15"/>
                    <a:pt x="18" y="15"/>
                  </a:cubicBezTo>
                  <a:cubicBezTo>
                    <a:pt x="6" y="62"/>
                    <a:pt x="6" y="62"/>
                    <a:pt x="6" y="62"/>
                  </a:cubicBezTo>
                  <a:cubicBezTo>
                    <a:pt x="18" y="62"/>
                    <a:pt x="18" y="62"/>
                    <a:pt x="18" y="62"/>
                  </a:cubicBezTo>
                  <a:cubicBezTo>
                    <a:pt x="18" y="99"/>
                    <a:pt x="18" y="99"/>
                    <a:pt x="18" y="99"/>
                  </a:cubicBezTo>
                  <a:cubicBezTo>
                    <a:pt x="18" y="101"/>
                    <a:pt x="20" y="103"/>
                    <a:pt x="23" y="103"/>
                  </a:cubicBezTo>
                  <a:cubicBezTo>
                    <a:pt x="26" y="103"/>
                    <a:pt x="28" y="101"/>
                    <a:pt x="28" y="99"/>
                  </a:cubicBezTo>
                  <a:cubicBezTo>
                    <a:pt x="28" y="62"/>
                    <a:pt x="28" y="62"/>
                    <a:pt x="28" y="62"/>
                  </a:cubicBezTo>
                  <a:cubicBezTo>
                    <a:pt x="31" y="62"/>
                    <a:pt x="31" y="62"/>
                    <a:pt x="31" y="62"/>
                  </a:cubicBezTo>
                  <a:cubicBezTo>
                    <a:pt x="31" y="99"/>
                    <a:pt x="31" y="99"/>
                    <a:pt x="31" y="99"/>
                  </a:cubicBezTo>
                  <a:cubicBezTo>
                    <a:pt x="31" y="101"/>
                    <a:pt x="33" y="103"/>
                    <a:pt x="35" y="103"/>
                  </a:cubicBezTo>
                  <a:cubicBezTo>
                    <a:pt x="38" y="103"/>
                    <a:pt x="40" y="101"/>
                    <a:pt x="40" y="99"/>
                  </a:cubicBezTo>
                  <a:cubicBezTo>
                    <a:pt x="40" y="62"/>
                    <a:pt x="40" y="62"/>
                    <a:pt x="40" y="62"/>
                  </a:cubicBezTo>
                  <a:cubicBezTo>
                    <a:pt x="53" y="62"/>
                    <a:pt x="53" y="62"/>
                    <a:pt x="53" y="62"/>
                  </a:cubicBezTo>
                  <a:cubicBezTo>
                    <a:pt x="40" y="15"/>
                    <a:pt x="40" y="15"/>
                    <a:pt x="40" y="15"/>
                  </a:cubicBezTo>
                  <a:cubicBezTo>
                    <a:pt x="40" y="15"/>
                    <a:pt x="40" y="15"/>
                    <a:pt x="40" y="15"/>
                  </a:cubicBezTo>
                  <a:cubicBezTo>
                    <a:pt x="41" y="15"/>
                    <a:pt x="41" y="15"/>
                    <a:pt x="41" y="15"/>
                  </a:cubicBezTo>
                  <a:cubicBezTo>
                    <a:pt x="50" y="41"/>
                    <a:pt x="50" y="41"/>
                    <a:pt x="50" y="41"/>
                  </a:cubicBezTo>
                  <a:cubicBezTo>
                    <a:pt x="51" y="43"/>
                    <a:pt x="53" y="44"/>
                    <a:pt x="55" y="43"/>
                  </a:cubicBezTo>
                  <a:cubicBezTo>
                    <a:pt x="57" y="43"/>
                    <a:pt x="59" y="40"/>
                    <a:pt x="58" y="38"/>
                  </a:cubicBezTo>
                </a:path>
              </a:pathLst>
            </a:cu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2" name="Rectangle 181"/>
            <p:cNvSpPr>
              <a:spLocks noChangeArrowheads="1"/>
            </p:cNvSpPr>
            <p:nvPr/>
          </p:nvSpPr>
          <p:spPr bwMode="auto">
            <a:xfrm>
              <a:off x="752476" y="2387600"/>
              <a:ext cx="769938" cy="371475"/>
            </a:xfrm>
            <a:prstGeom prst="rect">
              <a:avLst/>
            </a:prstGeom>
            <a:solidFill>
              <a:srgbClr val="CABD6C"/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3" name="Freeform 188"/>
            <p:cNvSpPr/>
            <p:nvPr/>
          </p:nvSpPr>
          <p:spPr bwMode="auto">
            <a:xfrm>
              <a:off x="936626" y="2522538"/>
              <a:ext cx="98425" cy="123825"/>
            </a:xfrm>
            <a:custGeom>
              <a:gdLst>
                <a:gd fmla="*/ 5 w 26" name="T0"/>
                <a:gd fmla="*/ 0 h 33" name="T1"/>
                <a:gd fmla="*/ 24 w 26" name="T2"/>
                <a:gd fmla="*/ 0 h 33" name="T3"/>
                <a:gd fmla="*/ 24 w 26" name="T4"/>
                <a:gd fmla="*/ 3 h 33" name="T5"/>
                <a:gd fmla="*/ 7 w 26" name="T6"/>
                <a:gd fmla="*/ 3 h 33" name="T7"/>
                <a:gd fmla="*/ 5 w 26" name="T8"/>
                <a:gd fmla="*/ 14 h 33" name="T9"/>
                <a:gd fmla="*/ 5 w 26" name="T10"/>
                <a:gd fmla="*/ 14 h 33" name="T11"/>
                <a:gd fmla="*/ 14 w 26" name="T12"/>
                <a:gd fmla="*/ 10 h 33" name="T13"/>
                <a:gd fmla="*/ 26 w 26" name="T14"/>
                <a:gd fmla="*/ 22 h 33" name="T15"/>
                <a:gd fmla="*/ 13 w 26" name="T16"/>
                <a:gd fmla="*/ 33 h 33" name="T17"/>
                <a:gd fmla="*/ 0 w 26" name="T18"/>
                <a:gd fmla="*/ 23 h 33" name="T19"/>
                <a:gd fmla="*/ 4 w 26" name="T20"/>
                <a:gd fmla="*/ 23 h 33" name="T21"/>
                <a:gd fmla="*/ 13 w 26" name="T22"/>
                <a:gd fmla="*/ 30 h 33" name="T23"/>
                <a:gd fmla="*/ 23 w 26" name="T24"/>
                <a:gd fmla="*/ 22 h 33" name="T25"/>
                <a:gd fmla="*/ 13 w 26" name="T26"/>
                <a:gd fmla="*/ 13 h 33" name="T27"/>
                <a:gd fmla="*/ 5 w 26" name="T28"/>
                <a:gd fmla="*/ 17 h 33" name="T29"/>
                <a:gd fmla="*/ 1 w 26" name="T30"/>
                <a:gd fmla="*/ 17 h 33" name="T31"/>
                <a:gd fmla="*/ 5 w 26" name="T32"/>
                <a:gd fmla="*/ 0 h 33" name="T33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b="b" l="0" r="r" t="0"/>
              <a:pathLst>
                <a:path h="33" w="26">
                  <a:moveTo>
                    <a:pt x="5" y="0"/>
                  </a:moveTo>
                  <a:cubicBezTo>
                    <a:pt x="24" y="0"/>
                    <a:pt x="24" y="0"/>
                    <a:pt x="24" y="0"/>
                  </a:cubicBezTo>
                  <a:cubicBezTo>
                    <a:pt x="24" y="3"/>
                    <a:pt x="24" y="3"/>
                    <a:pt x="24" y="3"/>
                  </a:cubicBezTo>
                  <a:cubicBezTo>
                    <a:pt x="7" y="3"/>
                    <a:pt x="7" y="3"/>
                    <a:pt x="7" y="3"/>
                  </a:cubicBezTo>
                  <a:cubicBezTo>
                    <a:pt x="5" y="14"/>
                    <a:pt x="5" y="14"/>
                    <a:pt x="5" y="14"/>
                  </a:cubicBezTo>
                  <a:cubicBezTo>
                    <a:pt x="5" y="14"/>
                    <a:pt x="5" y="14"/>
                    <a:pt x="5" y="14"/>
                  </a:cubicBezTo>
                  <a:cubicBezTo>
                    <a:pt x="7" y="12"/>
                    <a:pt x="10" y="10"/>
                    <a:pt x="14" y="10"/>
                  </a:cubicBezTo>
                  <a:cubicBezTo>
                    <a:pt x="22" y="10"/>
                    <a:pt x="26" y="15"/>
                    <a:pt x="26" y="22"/>
                  </a:cubicBezTo>
                  <a:cubicBezTo>
                    <a:pt x="26" y="27"/>
                    <a:pt x="24" y="33"/>
                    <a:pt x="13" y="33"/>
                  </a:cubicBezTo>
                  <a:cubicBezTo>
                    <a:pt x="5" y="33"/>
                    <a:pt x="1" y="29"/>
                    <a:pt x="0" y="23"/>
                  </a:cubicBezTo>
                  <a:cubicBezTo>
                    <a:pt x="4" y="23"/>
                    <a:pt x="4" y="23"/>
                    <a:pt x="4" y="23"/>
                  </a:cubicBezTo>
                  <a:cubicBezTo>
                    <a:pt x="4" y="28"/>
                    <a:pt x="7" y="30"/>
                    <a:pt x="13" y="30"/>
                  </a:cubicBezTo>
                  <a:cubicBezTo>
                    <a:pt x="19" y="30"/>
                    <a:pt x="23" y="28"/>
                    <a:pt x="23" y="22"/>
                  </a:cubicBezTo>
                  <a:cubicBezTo>
                    <a:pt x="23" y="17"/>
                    <a:pt x="19" y="13"/>
                    <a:pt x="13" y="13"/>
                  </a:cubicBezTo>
                  <a:cubicBezTo>
                    <a:pt x="8" y="13"/>
                    <a:pt x="6" y="16"/>
                    <a:pt x="5" y="17"/>
                  </a:cubicBezTo>
                  <a:cubicBezTo>
                    <a:pt x="1" y="17"/>
                    <a:pt x="1" y="17"/>
                    <a:pt x="1" y="17"/>
                  </a:cubicBezTo>
                  <a:lnTo>
                    <a:pt x="5" y="0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4" name="Freeform 189"/>
            <p:cNvSpPr>
              <a:spLocks noEditPoints="1"/>
            </p:cNvSpPr>
            <p:nvPr/>
          </p:nvSpPr>
          <p:spPr bwMode="auto">
            <a:xfrm>
              <a:off x="1057276" y="2519363"/>
              <a:ext cx="101600" cy="127000"/>
            </a:xfrm>
            <a:custGeom>
              <a:gdLst>
                <a:gd fmla="*/ 8 w 27" name="T0"/>
                <a:gd fmla="*/ 16 h 34" name="T1"/>
                <a:gd fmla="*/ 8 w 27" name="T2"/>
                <a:gd fmla="*/ 16 h 34" name="T3"/>
                <a:gd fmla="*/ 1 w 27" name="T4"/>
                <a:gd fmla="*/ 9 h 34" name="T5"/>
                <a:gd fmla="*/ 13 w 27" name="T6"/>
                <a:gd fmla="*/ 0 h 34" name="T7"/>
                <a:gd fmla="*/ 25 w 27" name="T8"/>
                <a:gd fmla="*/ 9 h 34" name="T9"/>
                <a:gd fmla="*/ 19 w 27" name="T10"/>
                <a:gd fmla="*/ 16 h 34" name="T11"/>
                <a:gd fmla="*/ 19 w 27" name="T12"/>
                <a:gd fmla="*/ 16 h 34" name="T13"/>
                <a:gd fmla="*/ 27 w 27" name="T14"/>
                <a:gd fmla="*/ 24 h 34" name="T15"/>
                <a:gd fmla="*/ 13 w 27" name="T16"/>
                <a:gd fmla="*/ 34 h 34" name="T17"/>
                <a:gd fmla="*/ 0 w 27" name="T18"/>
                <a:gd fmla="*/ 24 h 34" name="T19"/>
                <a:gd fmla="*/ 8 w 27" name="T20"/>
                <a:gd fmla="*/ 16 h 34" name="T21"/>
                <a:gd fmla="*/ 13 w 27" name="T22"/>
                <a:gd fmla="*/ 31 h 34" name="T23"/>
                <a:gd fmla="*/ 23 w 27" name="T24"/>
                <a:gd fmla="*/ 24 h 34" name="T25"/>
                <a:gd fmla="*/ 13 w 27" name="T26"/>
                <a:gd fmla="*/ 17 h 34" name="T27"/>
                <a:gd fmla="*/ 3 w 27" name="T28"/>
                <a:gd fmla="*/ 24 h 34" name="T29"/>
                <a:gd fmla="*/ 13 w 27" name="T30"/>
                <a:gd fmla="*/ 31 h 34" name="T31"/>
                <a:gd fmla="*/ 22 w 27" name="T32"/>
                <a:gd fmla="*/ 9 h 34" name="T33"/>
                <a:gd fmla="*/ 13 w 27" name="T34"/>
                <a:gd fmla="*/ 3 h 34" name="T35"/>
                <a:gd fmla="*/ 5 w 27" name="T36"/>
                <a:gd fmla="*/ 9 h 34" name="T37"/>
                <a:gd fmla="*/ 13 w 27" name="T38"/>
                <a:gd fmla="*/ 14 h 34" name="T39"/>
                <a:gd fmla="*/ 22 w 27" name="T40"/>
                <a:gd fmla="*/ 9 h 34" name="T41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b="b" l="0" r="r" t="0"/>
              <a:pathLst>
                <a:path h="34" w="27">
                  <a:moveTo>
                    <a:pt x="8" y="16"/>
                  </a:moveTo>
                  <a:cubicBezTo>
                    <a:pt x="8" y="16"/>
                    <a:pt x="8" y="16"/>
                    <a:pt x="8" y="16"/>
                  </a:cubicBezTo>
                  <a:cubicBezTo>
                    <a:pt x="6" y="15"/>
                    <a:pt x="1" y="14"/>
                    <a:pt x="1" y="9"/>
                  </a:cubicBezTo>
                  <a:cubicBezTo>
                    <a:pt x="1" y="5"/>
                    <a:pt x="4" y="0"/>
                    <a:pt x="13" y="0"/>
                  </a:cubicBezTo>
                  <a:cubicBezTo>
                    <a:pt x="23" y="0"/>
                    <a:pt x="25" y="5"/>
                    <a:pt x="25" y="9"/>
                  </a:cubicBezTo>
                  <a:cubicBezTo>
                    <a:pt x="25" y="14"/>
                    <a:pt x="21" y="15"/>
                    <a:pt x="19" y="16"/>
                  </a:cubicBezTo>
                  <a:cubicBezTo>
                    <a:pt x="19" y="16"/>
                    <a:pt x="19" y="16"/>
                    <a:pt x="19" y="16"/>
                  </a:cubicBezTo>
                  <a:cubicBezTo>
                    <a:pt x="22" y="16"/>
                    <a:pt x="27" y="18"/>
                    <a:pt x="27" y="24"/>
                  </a:cubicBezTo>
                  <a:cubicBezTo>
                    <a:pt x="27" y="29"/>
                    <a:pt x="24" y="34"/>
                    <a:pt x="13" y="34"/>
                  </a:cubicBezTo>
                  <a:cubicBezTo>
                    <a:pt x="3" y="34"/>
                    <a:pt x="0" y="29"/>
                    <a:pt x="0" y="24"/>
                  </a:cubicBezTo>
                  <a:cubicBezTo>
                    <a:pt x="0" y="18"/>
                    <a:pt x="5" y="16"/>
                    <a:pt x="8" y="16"/>
                  </a:cubicBezTo>
                  <a:moveTo>
                    <a:pt x="13" y="31"/>
                  </a:moveTo>
                  <a:cubicBezTo>
                    <a:pt x="19" y="31"/>
                    <a:pt x="23" y="29"/>
                    <a:pt x="23" y="24"/>
                  </a:cubicBezTo>
                  <a:cubicBezTo>
                    <a:pt x="23" y="19"/>
                    <a:pt x="19" y="17"/>
                    <a:pt x="13" y="17"/>
                  </a:cubicBezTo>
                  <a:cubicBezTo>
                    <a:pt x="8" y="17"/>
                    <a:pt x="3" y="19"/>
                    <a:pt x="3" y="24"/>
                  </a:cubicBezTo>
                  <a:cubicBezTo>
                    <a:pt x="3" y="29"/>
                    <a:pt x="8" y="31"/>
                    <a:pt x="13" y="31"/>
                  </a:cubicBezTo>
                  <a:moveTo>
                    <a:pt x="22" y="9"/>
                  </a:moveTo>
                  <a:cubicBezTo>
                    <a:pt x="22" y="4"/>
                    <a:pt x="18" y="3"/>
                    <a:pt x="13" y="3"/>
                  </a:cubicBezTo>
                  <a:cubicBezTo>
                    <a:pt x="9" y="3"/>
                    <a:pt x="5" y="4"/>
                    <a:pt x="5" y="9"/>
                  </a:cubicBezTo>
                  <a:cubicBezTo>
                    <a:pt x="5" y="12"/>
                    <a:pt x="8" y="14"/>
                    <a:pt x="13" y="14"/>
                  </a:cubicBezTo>
                  <a:cubicBezTo>
                    <a:pt x="19" y="14"/>
                    <a:pt x="22" y="12"/>
                    <a:pt x="22" y="9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  <p:sp>
          <p:nvSpPr>
            <p:cNvPr id="15" name="Freeform 190"/>
            <p:cNvSpPr>
              <a:spLocks noEditPoints="1"/>
            </p:cNvSpPr>
            <p:nvPr/>
          </p:nvSpPr>
          <p:spPr bwMode="auto">
            <a:xfrm>
              <a:off x="1176338" y="2519363"/>
              <a:ext cx="150813" cy="127000"/>
            </a:xfrm>
            <a:custGeom>
              <a:gdLst>
                <a:gd fmla="*/ 0 w 40" name="T0"/>
                <a:gd fmla="*/ 9 h 34" name="T1"/>
                <a:gd fmla="*/ 9 w 40" name="T2"/>
                <a:gd fmla="*/ 0 h 34" name="T3"/>
                <a:gd fmla="*/ 17 w 40" name="T4"/>
                <a:gd fmla="*/ 9 h 34" name="T5"/>
                <a:gd fmla="*/ 9 w 40" name="T6"/>
                <a:gd fmla="*/ 18 h 34" name="T7"/>
                <a:gd fmla="*/ 0 w 40" name="T8"/>
                <a:gd fmla="*/ 9 h 34" name="T9"/>
                <a:gd fmla="*/ 14 w 40" name="T10"/>
                <a:gd fmla="*/ 9 h 34" name="T11"/>
                <a:gd fmla="*/ 9 w 40" name="T12"/>
                <a:gd fmla="*/ 2 h 34" name="T13"/>
                <a:gd fmla="*/ 3 w 40" name="T14"/>
                <a:gd fmla="*/ 9 h 34" name="T15"/>
                <a:gd fmla="*/ 9 w 40" name="T16"/>
                <a:gd fmla="*/ 16 h 34" name="T17"/>
                <a:gd fmla="*/ 14 w 40" name="T18"/>
                <a:gd fmla="*/ 9 h 34" name="T19"/>
                <a:gd fmla="*/ 30 w 40" name="T20"/>
                <a:gd fmla="*/ 0 h 34" name="T21"/>
                <a:gd fmla="*/ 33 w 40" name="T22"/>
                <a:gd fmla="*/ 0 h 34" name="T23"/>
                <a:gd fmla="*/ 10 w 40" name="T24"/>
                <a:gd fmla="*/ 34 h 34" name="T25"/>
                <a:gd fmla="*/ 7 w 40" name="T26"/>
                <a:gd fmla="*/ 34 h 34" name="T27"/>
                <a:gd fmla="*/ 30 w 40" name="T28"/>
                <a:gd fmla="*/ 0 h 34" name="T29"/>
                <a:gd fmla="*/ 23 w 40" name="T30"/>
                <a:gd fmla="*/ 25 h 34" name="T31"/>
                <a:gd fmla="*/ 32 w 40" name="T32"/>
                <a:gd fmla="*/ 16 h 34" name="T33"/>
                <a:gd fmla="*/ 40 w 40" name="T34"/>
                <a:gd fmla="*/ 25 h 34" name="T35"/>
                <a:gd fmla="*/ 32 w 40" name="T36"/>
                <a:gd fmla="*/ 34 h 34" name="T37"/>
                <a:gd fmla="*/ 23 w 40" name="T38"/>
                <a:gd fmla="*/ 25 h 34" name="T39"/>
                <a:gd fmla="*/ 37 w 40" name="T40"/>
                <a:gd fmla="*/ 25 h 34" name="T41"/>
                <a:gd fmla="*/ 32 w 40" name="T42"/>
                <a:gd fmla="*/ 18 h 34" name="T43"/>
                <a:gd fmla="*/ 26 w 40" name="T44"/>
                <a:gd fmla="*/ 25 h 34" name="T45"/>
                <a:gd fmla="*/ 32 w 40" name="T46"/>
                <a:gd fmla="*/ 32 h 34" name="T47"/>
                <a:gd fmla="*/ 37 w 40" name="T48"/>
                <a:gd fmla="*/ 25 h 34" name="T4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b="b" l="0" r="r" t="0"/>
              <a:pathLst>
                <a:path h="34" w="40">
                  <a:moveTo>
                    <a:pt x="0" y="9"/>
                  </a:moveTo>
                  <a:cubicBezTo>
                    <a:pt x="0" y="3"/>
                    <a:pt x="4" y="0"/>
                    <a:pt x="9" y="0"/>
                  </a:cubicBezTo>
                  <a:cubicBezTo>
                    <a:pt x="13" y="0"/>
                    <a:pt x="17" y="3"/>
                    <a:pt x="17" y="9"/>
                  </a:cubicBezTo>
                  <a:cubicBezTo>
                    <a:pt x="17" y="15"/>
                    <a:pt x="13" y="18"/>
                    <a:pt x="9" y="18"/>
                  </a:cubicBezTo>
                  <a:cubicBezTo>
                    <a:pt x="4" y="18"/>
                    <a:pt x="0" y="15"/>
                    <a:pt x="0" y="9"/>
                  </a:cubicBezTo>
                  <a:moveTo>
                    <a:pt x="14" y="9"/>
                  </a:moveTo>
                  <a:cubicBezTo>
                    <a:pt x="14" y="5"/>
                    <a:pt x="12" y="2"/>
                    <a:pt x="9" y="2"/>
                  </a:cubicBezTo>
                  <a:cubicBezTo>
                    <a:pt x="5" y="2"/>
                    <a:pt x="3" y="5"/>
                    <a:pt x="3" y="9"/>
                  </a:cubicBezTo>
                  <a:cubicBezTo>
                    <a:pt x="3" y="13"/>
                    <a:pt x="5" y="16"/>
                    <a:pt x="9" y="16"/>
                  </a:cubicBezTo>
                  <a:cubicBezTo>
                    <a:pt x="12" y="16"/>
                    <a:pt x="14" y="13"/>
                    <a:pt x="14" y="9"/>
                  </a:cubicBezTo>
                  <a:moveTo>
                    <a:pt x="30" y="0"/>
                  </a:moveTo>
                  <a:cubicBezTo>
                    <a:pt x="33" y="0"/>
                    <a:pt x="33" y="0"/>
                    <a:pt x="33" y="0"/>
                  </a:cubicBezTo>
                  <a:cubicBezTo>
                    <a:pt x="10" y="34"/>
                    <a:pt x="10" y="34"/>
                    <a:pt x="10" y="34"/>
                  </a:cubicBezTo>
                  <a:cubicBezTo>
                    <a:pt x="7" y="34"/>
                    <a:pt x="7" y="34"/>
                    <a:pt x="7" y="34"/>
                  </a:cubicBezTo>
                  <a:lnTo>
                    <a:pt x="30" y="0"/>
                  </a:lnTo>
                  <a:close/>
                  <a:moveTo>
                    <a:pt x="23" y="25"/>
                  </a:moveTo>
                  <a:cubicBezTo>
                    <a:pt x="23" y="19"/>
                    <a:pt x="27" y="16"/>
                    <a:pt x="32" y="16"/>
                  </a:cubicBezTo>
                  <a:cubicBezTo>
                    <a:pt x="37" y="16"/>
                    <a:pt x="40" y="19"/>
                    <a:pt x="40" y="25"/>
                  </a:cubicBezTo>
                  <a:cubicBezTo>
                    <a:pt x="40" y="31"/>
                    <a:pt x="37" y="34"/>
                    <a:pt x="32" y="34"/>
                  </a:cubicBezTo>
                  <a:cubicBezTo>
                    <a:pt x="27" y="34"/>
                    <a:pt x="23" y="31"/>
                    <a:pt x="23" y="25"/>
                  </a:cubicBezTo>
                  <a:moveTo>
                    <a:pt x="37" y="25"/>
                  </a:moveTo>
                  <a:cubicBezTo>
                    <a:pt x="37" y="21"/>
                    <a:pt x="35" y="18"/>
                    <a:pt x="32" y="18"/>
                  </a:cubicBezTo>
                  <a:cubicBezTo>
                    <a:pt x="28" y="18"/>
                    <a:pt x="26" y="21"/>
                    <a:pt x="26" y="25"/>
                  </a:cubicBezTo>
                  <a:cubicBezTo>
                    <a:pt x="26" y="29"/>
                    <a:pt x="28" y="32"/>
                    <a:pt x="32" y="32"/>
                  </a:cubicBezTo>
                  <a:cubicBezTo>
                    <a:pt x="35" y="32"/>
                    <a:pt x="37" y="29"/>
                    <a:pt x="37" y="2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grpSp>
        <p:nvGrpSpPr>
          <p:cNvPr id="16" name="组合 15"/>
          <p:cNvGrpSpPr/>
          <p:nvPr/>
        </p:nvGrpSpPr>
        <p:grpSpPr>
          <a:xfrm>
            <a:off x="3592290" y="2383112"/>
            <a:ext cx="4751389" cy="2020888"/>
            <a:chOff x="2082802" y="1739900"/>
            <a:chExt cx="4751389" cy="2020888"/>
          </a:xfrm>
        </p:grpSpPr>
        <p:grpSp>
          <p:nvGrpSpPr>
            <p:cNvPr id="17" name="组合 16"/>
            <p:cNvGrpSpPr/>
            <p:nvPr/>
          </p:nvGrpSpPr>
          <p:grpSpPr>
            <a:xfrm>
              <a:off x="2082802" y="1739900"/>
              <a:ext cx="4017962" cy="2020888"/>
              <a:chOff x="2400301" y="1790700"/>
              <a:chExt cx="4017962" cy="2020888"/>
            </a:xfrm>
            <a:solidFill>
              <a:srgbClr val="CABD6C"/>
            </a:solidFill>
          </p:grpSpPr>
          <p:sp>
            <p:nvSpPr>
              <p:cNvPr id="36" name="Freeform 91"/>
              <p:cNvSpPr/>
              <p:nvPr/>
            </p:nvSpPr>
            <p:spPr bwMode="auto">
              <a:xfrm>
                <a:off x="2987676" y="1897063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37" name="Oval 92"/>
              <p:cNvSpPr>
                <a:spLocks noChangeArrowheads="1"/>
              </p:cNvSpPr>
              <p:nvPr/>
            </p:nvSpPr>
            <p:spPr bwMode="auto">
              <a:xfrm>
                <a:off x="3062288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38" name="Freeform 93"/>
              <p:cNvSpPr/>
              <p:nvPr/>
            </p:nvSpPr>
            <p:spPr bwMode="auto">
              <a:xfrm>
                <a:off x="3276601" y="1897063"/>
                <a:ext cx="246063" cy="512762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8 w 23" name="T38"/>
                  <a:gd fmla="*/ 45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39" name="Oval 94"/>
              <p:cNvSpPr>
                <a:spLocks noChangeArrowheads="1"/>
              </p:cNvSpPr>
              <p:nvPr/>
            </p:nvSpPr>
            <p:spPr bwMode="auto">
              <a:xfrm>
                <a:off x="3351213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0" name="Freeform 95"/>
              <p:cNvSpPr/>
              <p:nvPr/>
            </p:nvSpPr>
            <p:spPr bwMode="auto">
              <a:xfrm>
                <a:off x="3575051" y="1897063"/>
                <a:ext cx="234950" cy="512762"/>
              </a:xfrm>
              <a:custGeom>
                <a:gdLst>
                  <a:gd fmla="*/ 17 w 22" name="T0"/>
                  <a:gd fmla="*/ 0 h 48" name="T1"/>
                  <a:gd fmla="*/ 5 w 22" name="T2"/>
                  <a:gd fmla="*/ 0 h 48" name="T3"/>
                  <a:gd fmla="*/ 0 w 22" name="T4"/>
                  <a:gd fmla="*/ 5 h 48" name="T5"/>
                  <a:gd fmla="*/ 0 w 22" name="T6"/>
                  <a:gd fmla="*/ 5 h 48" name="T7"/>
                  <a:gd fmla="*/ 0 w 22" name="T8"/>
                  <a:gd fmla="*/ 6 h 48" name="T9"/>
                  <a:gd fmla="*/ 0 w 22" name="T10"/>
                  <a:gd fmla="*/ 22 h 48" name="T11"/>
                  <a:gd fmla="*/ 1 w 22" name="T12"/>
                  <a:gd fmla="*/ 24 h 48" name="T13"/>
                  <a:gd fmla="*/ 3 w 22" name="T14"/>
                  <a:gd fmla="*/ 22 h 48" name="T15"/>
                  <a:gd fmla="*/ 3 w 22" name="T16"/>
                  <a:gd fmla="*/ 8 h 48" name="T17"/>
                  <a:gd fmla="*/ 5 w 22" name="T18"/>
                  <a:gd fmla="*/ 8 h 48" name="T19"/>
                  <a:gd fmla="*/ 5 w 22" name="T20"/>
                  <a:gd fmla="*/ 21 h 48" name="T21"/>
                  <a:gd fmla="*/ 5 w 22" name="T22"/>
                  <a:gd fmla="*/ 22 h 48" name="T23"/>
                  <a:gd fmla="*/ 5 w 22" name="T24"/>
                  <a:gd fmla="*/ 45 h 48" name="T25"/>
                  <a:gd fmla="*/ 8 w 22" name="T26"/>
                  <a:gd fmla="*/ 48 h 48" name="T27"/>
                  <a:gd fmla="*/ 10 w 22" name="T28"/>
                  <a:gd fmla="*/ 45 h 48" name="T29"/>
                  <a:gd fmla="*/ 10 w 22" name="T30"/>
                  <a:gd fmla="*/ 24 h 48" name="T31"/>
                  <a:gd fmla="*/ 12 w 22" name="T32"/>
                  <a:gd fmla="*/ 24 h 48" name="T33"/>
                  <a:gd fmla="*/ 12 w 22" name="T34"/>
                  <a:gd fmla="*/ 45 h 48" name="T35"/>
                  <a:gd fmla="*/ 14 w 22" name="T36"/>
                  <a:gd fmla="*/ 48 h 48" name="T37"/>
                  <a:gd fmla="*/ 17 w 22" name="T38"/>
                  <a:gd fmla="*/ 45 h 48" name="T39"/>
                  <a:gd fmla="*/ 17 w 22" name="T40"/>
                  <a:gd fmla="*/ 21 h 48" name="T41"/>
                  <a:gd fmla="*/ 17 w 22" name="T42"/>
                  <a:gd fmla="*/ 21 h 48" name="T43"/>
                  <a:gd fmla="*/ 17 w 22" name="T44"/>
                  <a:gd fmla="*/ 8 h 48" name="T45"/>
                  <a:gd fmla="*/ 18 w 22" name="T46"/>
                  <a:gd fmla="*/ 8 h 48" name="T47"/>
                  <a:gd fmla="*/ 18 w 22" name="T48"/>
                  <a:gd fmla="*/ 22 h 48" name="T49"/>
                  <a:gd fmla="*/ 20 w 22" name="T50"/>
                  <a:gd fmla="*/ 24 h 48" name="T51"/>
                  <a:gd fmla="*/ 22 w 22" name="T52"/>
                  <a:gd fmla="*/ 22 h 48" name="T53"/>
                  <a:gd fmla="*/ 22 w 22" name="T54"/>
                  <a:gd fmla="*/ 6 h 48" name="T55"/>
                  <a:gd fmla="*/ 22 w 22" name="T56"/>
                  <a:gd fmla="*/ 5 h 48" name="T57"/>
                  <a:gd fmla="*/ 22 w 22" name="T58"/>
                  <a:gd fmla="*/ 5 h 48" name="T59"/>
                  <a:gd fmla="*/ 17 w 22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2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1" name="Oval 96"/>
              <p:cNvSpPr>
                <a:spLocks noChangeArrowheads="1"/>
              </p:cNvSpPr>
              <p:nvPr/>
            </p:nvSpPr>
            <p:spPr bwMode="auto">
              <a:xfrm>
                <a:off x="3640138" y="1790700"/>
                <a:ext cx="106363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2" name="Freeform 97"/>
              <p:cNvSpPr/>
              <p:nvPr/>
            </p:nvSpPr>
            <p:spPr bwMode="auto">
              <a:xfrm>
                <a:off x="2400301" y="1897063"/>
                <a:ext cx="246063" cy="512762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8 w 23" name="T38"/>
                  <a:gd fmla="*/ 45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3" name="Oval 98"/>
              <p:cNvSpPr>
                <a:spLocks noChangeArrowheads="1"/>
              </p:cNvSpPr>
              <p:nvPr/>
            </p:nvSpPr>
            <p:spPr bwMode="auto">
              <a:xfrm>
                <a:off x="2474913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4" name="Freeform 99"/>
              <p:cNvSpPr/>
              <p:nvPr/>
            </p:nvSpPr>
            <p:spPr bwMode="auto">
              <a:xfrm>
                <a:off x="2698751" y="1897063"/>
                <a:ext cx="234950" cy="512762"/>
              </a:xfrm>
              <a:custGeom>
                <a:gdLst>
                  <a:gd fmla="*/ 17 w 22" name="T0"/>
                  <a:gd fmla="*/ 0 h 48" name="T1"/>
                  <a:gd fmla="*/ 5 w 22" name="T2"/>
                  <a:gd fmla="*/ 0 h 48" name="T3"/>
                  <a:gd fmla="*/ 0 w 22" name="T4"/>
                  <a:gd fmla="*/ 5 h 48" name="T5"/>
                  <a:gd fmla="*/ 0 w 22" name="T6"/>
                  <a:gd fmla="*/ 5 h 48" name="T7"/>
                  <a:gd fmla="*/ 0 w 22" name="T8"/>
                  <a:gd fmla="*/ 6 h 48" name="T9"/>
                  <a:gd fmla="*/ 0 w 22" name="T10"/>
                  <a:gd fmla="*/ 22 h 48" name="T11"/>
                  <a:gd fmla="*/ 1 w 22" name="T12"/>
                  <a:gd fmla="*/ 24 h 48" name="T13"/>
                  <a:gd fmla="*/ 3 w 22" name="T14"/>
                  <a:gd fmla="*/ 22 h 48" name="T15"/>
                  <a:gd fmla="*/ 3 w 22" name="T16"/>
                  <a:gd fmla="*/ 8 h 48" name="T17"/>
                  <a:gd fmla="*/ 5 w 22" name="T18"/>
                  <a:gd fmla="*/ 8 h 48" name="T19"/>
                  <a:gd fmla="*/ 5 w 22" name="T20"/>
                  <a:gd fmla="*/ 21 h 48" name="T21"/>
                  <a:gd fmla="*/ 5 w 22" name="T22"/>
                  <a:gd fmla="*/ 22 h 48" name="T23"/>
                  <a:gd fmla="*/ 5 w 22" name="T24"/>
                  <a:gd fmla="*/ 45 h 48" name="T25"/>
                  <a:gd fmla="*/ 8 w 22" name="T26"/>
                  <a:gd fmla="*/ 48 h 48" name="T27"/>
                  <a:gd fmla="*/ 10 w 22" name="T28"/>
                  <a:gd fmla="*/ 45 h 48" name="T29"/>
                  <a:gd fmla="*/ 10 w 22" name="T30"/>
                  <a:gd fmla="*/ 24 h 48" name="T31"/>
                  <a:gd fmla="*/ 12 w 22" name="T32"/>
                  <a:gd fmla="*/ 24 h 48" name="T33"/>
                  <a:gd fmla="*/ 12 w 22" name="T34"/>
                  <a:gd fmla="*/ 45 h 48" name="T35"/>
                  <a:gd fmla="*/ 14 w 22" name="T36"/>
                  <a:gd fmla="*/ 48 h 48" name="T37"/>
                  <a:gd fmla="*/ 17 w 22" name="T38"/>
                  <a:gd fmla="*/ 45 h 48" name="T39"/>
                  <a:gd fmla="*/ 17 w 22" name="T40"/>
                  <a:gd fmla="*/ 21 h 48" name="T41"/>
                  <a:gd fmla="*/ 17 w 22" name="T42"/>
                  <a:gd fmla="*/ 21 h 48" name="T43"/>
                  <a:gd fmla="*/ 17 w 22" name="T44"/>
                  <a:gd fmla="*/ 8 h 48" name="T45"/>
                  <a:gd fmla="*/ 18 w 22" name="T46"/>
                  <a:gd fmla="*/ 8 h 48" name="T47"/>
                  <a:gd fmla="*/ 18 w 22" name="T48"/>
                  <a:gd fmla="*/ 22 h 48" name="T49"/>
                  <a:gd fmla="*/ 20 w 22" name="T50"/>
                  <a:gd fmla="*/ 24 h 48" name="T51"/>
                  <a:gd fmla="*/ 22 w 22" name="T52"/>
                  <a:gd fmla="*/ 22 h 48" name="T53"/>
                  <a:gd fmla="*/ 22 w 22" name="T54"/>
                  <a:gd fmla="*/ 6 h 48" name="T55"/>
                  <a:gd fmla="*/ 22 w 22" name="T56"/>
                  <a:gd fmla="*/ 5 h 48" name="T57"/>
                  <a:gd fmla="*/ 22 w 22" name="T58"/>
                  <a:gd fmla="*/ 5 h 48" name="T59"/>
                  <a:gd fmla="*/ 17 w 22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2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5" name="Oval 100"/>
              <p:cNvSpPr>
                <a:spLocks noChangeArrowheads="1"/>
              </p:cNvSpPr>
              <p:nvPr/>
            </p:nvSpPr>
            <p:spPr bwMode="auto">
              <a:xfrm>
                <a:off x="2763838" y="1790700"/>
                <a:ext cx="106363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6" name="Freeform 101"/>
              <p:cNvSpPr/>
              <p:nvPr/>
            </p:nvSpPr>
            <p:spPr bwMode="auto">
              <a:xfrm>
                <a:off x="4441826" y="1897063"/>
                <a:ext cx="244475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5 w 23" name="T18"/>
                  <a:gd fmla="*/ 8 h 48" name="T19"/>
                  <a:gd fmla="*/ 5 w 23" name="T20"/>
                  <a:gd fmla="*/ 21 h 48" name="T21"/>
                  <a:gd fmla="*/ 5 w 23" name="T22"/>
                  <a:gd fmla="*/ 22 h 48" name="T23"/>
                  <a:gd fmla="*/ 5 w 23" name="T24"/>
                  <a:gd fmla="*/ 45 h 48" name="T25"/>
                  <a:gd fmla="*/ 8 w 23" name="T26"/>
                  <a:gd fmla="*/ 48 h 48" name="T27"/>
                  <a:gd fmla="*/ 10 w 23" name="T28"/>
                  <a:gd fmla="*/ 45 h 48" name="T29"/>
                  <a:gd fmla="*/ 10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4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19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7" name="Oval 102"/>
              <p:cNvSpPr>
                <a:spLocks noChangeArrowheads="1"/>
              </p:cNvSpPr>
              <p:nvPr/>
            </p:nvSpPr>
            <p:spPr bwMode="auto">
              <a:xfrm>
                <a:off x="4516438" y="1790700"/>
                <a:ext cx="95250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8" name="Freeform 103"/>
              <p:cNvSpPr/>
              <p:nvPr/>
            </p:nvSpPr>
            <p:spPr bwMode="auto">
              <a:xfrm>
                <a:off x="4729163" y="1897063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5 w 23" name="T18"/>
                  <a:gd fmla="*/ 8 h 48" name="T19"/>
                  <a:gd fmla="*/ 5 w 23" name="T20"/>
                  <a:gd fmla="*/ 21 h 48" name="T21"/>
                  <a:gd fmla="*/ 5 w 23" name="T22"/>
                  <a:gd fmla="*/ 22 h 48" name="T23"/>
                  <a:gd fmla="*/ 5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49" name="Oval 104"/>
              <p:cNvSpPr>
                <a:spLocks noChangeArrowheads="1"/>
              </p:cNvSpPr>
              <p:nvPr/>
            </p:nvSpPr>
            <p:spPr bwMode="auto">
              <a:xfrm>
                <a:off x="4803776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0" name="Freeform 105"/>
              <p:cNvSpPr/>
              <p:nvPr/>
            </p:nvSpPr>
            <p:spPr bwMode="auto">
              <a:xfrm>
                <a:off x="5018088" y="1897063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1" name="Oval 106"/>
              <p:cNvSpPr>
                <a:spLocks noChangeArrowheads="1"/>
              </p:cNvSpPr>
              <p:nvPr/>
            </p:nvSpPr>
            <p:spPr bwMode="auto">
              <a:xfrm>
                <a:off x="5092701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2" name="Freeform 107"/>
              <p:cNvSpPr/>
              <p:nvPr/>
            </p:nvSpPr>
            <p:spPr bwMode="auto">
              <a:xfrm>
                <a:off x="3852863" y="1897063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5 w 23" name="T18"/>
                  <a:gd fmla="*/ 8 h 48" name="T19"/>
                  <a:gd fmla="*/ 5 w 23" name="T20"/>
                  <a:gd fmla="*/ 21 h 48" name="T21"/>
                  <a:gd fmla="*/ 5 w 23" name="T22"/>
                  <a:gd fmla="*/ 22 h 48" name="T23"/>
                  <a:gd fmla="*/ 5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3" name="Oval 108"/>
              <p:cNvSpPr>
                <a:spLocks noChangeArrowheads="1"/>
              </p:cNvSpPr>
              <p:nvPr/>
            </p:nvSpPr>
            <p:spPr bwMode="auto">
              <a:xfrm>
                <a:off x="3927476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4" name="Freeform 109"/>
              <p:cNvSpPr/>
              <p:nvPr/>
            </p:nvSpPr>
            <p:spPr bwMode="auto">
              <a:xfrm>
                <a:off x="4141788" y="1897063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5" name="Oval 110"/>
              <p:cNvSpPr>
                <a:spLocks noChangeArrowheads="1"/>
              </p:cNvSpPr>
              <p:nvPr/>
            </p:nvSpPr>
            <p:spPr bwMode="auto">
              <a:xfrm>
                <a:off x="4216401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6" name="Freeform 111"/>
              <p:cNvSpPr/>
              <p:nvPr/>
            </p:nvSpPr>
            <p:spPr bwMode="auto">
              <a:xfrm>
                <a:off x="5883276" y="1897063"/>
                <a:ext cx="246063" cy="512762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8 w 23" name="T38"/>
                  <a:gd fmla="*/ 45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7" name="Oval 112"/>
              <p:cNvSpPr>
                <a:spLocks noChangeArrowheads="1"/>
              </p:cNvSpPr>
              <p:nvPr/>
            </p:nvSpPr>
            <p:spPr bwMode="auto">
              <a:xfrm>
                <a:off x="5957888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8" name="Freeform 113"/>
              <p:cNvSpPr/>
              <p:nvPr/>
            </p:nvSpPr>
            <p:spPr bwMode="auto">
              <a:xfrm>
                <a:off x="6183313" y="1897063"/>
                <a:ext cx="234950" cy="512762"/>
              </a:xfrm>
              <a:custGeom>
                <a:gdLst>
                  <a:gd fmla="*/ 17 w 22" name="T0"/>
                  <a:gd fmla="*/ 0 h 48" name="T1"/>
                  <a:gd fmla="*/ 5 w 22" name="T2"/>
                  <a:gd fmla="*/ 0 h 48" name="T3"/>
                  <a:gd fmla="*/ 0 w 22" name="T4"/>
                  <a:gd fmla="*/ 5 h 48" name="T5"/>
                  <a:gd fmla="*/ 0 w 22" name="T6"/>
                  <a:gd fmla="*/ 5 h 48" name="T7"/>
                  <a:gd fmla="*/ 0 w 22" name="T8"/>
                  <a:gd fmla="*/ 6 h 48" name="T9"/>
                  <a:gd fmla="*/ 0 w 22" name="T10"/>
                  <a:gd fmla="*/ 22 h 48" name="T11"/>
                  <a:gd fmla="*/ 1 w 22" name="T12"/>
                  <a:gd fmla="*/ 24 h 48" name="T13"/>
                  <a:gd fmla="*/ 3 w 22" name="T14"/>
                  <a:gd fmla="*/ 22 h 48" name="T15"/>
                  <a:gd fmla="*/ 3 w 22" name="T16"/>
                  <a:gd fmla="*/ 8 h 48" name="T17"/>
                  <a:gd fmla="*/ 5 w 22" name="T18"/>
                  <a:gd fmla="*/ 8 h 48" name="T19"/>
                  <a:gd fmla="*/ 5 w 22" name="T20"/>
                  <a:gd fmla="*/ 21 h 48" name="T21"/>
                  <a:gd fmla="*/ 5 w 22" name="T22"/>
                  <a:gd fmla="*/ 22 h 48" name="T23"/>
                  <a:gd fmla="*/ 5 w 22" name="T24"/>
                  <a:gd fmla="*/ 45 h 48" name="T25"/>
                  <a:gd fmla="*/ 8 w 22" name="T26"/>
                  <a:gd fmla="*/ 48 h 48" name="T27"/>
                  <a:gd fmla="*/ 10 w 22" name="T28"/>
                  <a:gd fmla="*/ 45 h 48" name="T29"/>
                  <a:gd fmla="*/ 10 w 22" name="T30"/>
                  <a:gd fmla="*/ 24 h 48" name="T31"/>
                  <a:gd fmla="*/ 12 w 22" name="T32"/>
                  <a:gd fmla="*/ 24 h 48" name="T33"/>
                  <a:gd fmla="*/ 12 w 22" name="T34"/>
                  <a:gd fmla="*/ 45 h 48" name="T35"/>
                  <a:gd fmla="*/ 14 w 22" name="T36"/>
                  <a:gd fmla="*/ 48 h 48" name="T37"/>
                  <a:gd fmla="*/ 17 w 22" name="T38"/>
                  <a:gd fmla="*/ 45 h 48" name="T39"/>
                  <a:gd fmla="*/ 17 w 22" name="T40"/>
                  <a:gd fmla="*/ 21 h 48" name="T41"/>
                  <a:gd fmla="*/ 17 w 22" name="T42"/>
                  <a:gd fmla="*/ 21 h 48" name="T43"/>
                  <a:gd fmla="*/ 17 w 22" name="T44"/>
                  <a:gd fmla="*/ 8 h 48" name="T45"/>
                  <a:gd fmla="*/ 18 w 22" name="T46"/>
                  <a:gd fmla="*/ 8 h 48" name="T47"/>
                  <a:gd fmla="*/ 18 w 22" name="T48"/>
                  <a:gd fmla="*/ 22 h 48" name="T49"/>
                  <a:gd fmla="*/ 20 w 22" name="T50"/>
                  <a:gd fmla="*/ 24 h 48" name="T51"/>
                  <a:gd fmla="*/ 22 w 22" name="T52"/>
                  <a:gd fmla="*/ 22 h 48" name="T53"/>
                  <a:gd fmla="*/ 22 w 22" name="T54"/>
                  <a:gd fmla="*/ 6 h 48" name="T55"/>
                  <a:gd fmla="*/ 22 w 22" name="T56"/>
                  <a:gd fmla="*/ 5 h 48" name="T57"/>
                  <a:gd fmla="*/ 22 w 22" name="T58"/>
                  <a:gd fmla="*/ 5 h 48" name="T59"/>
                  <a:gd fmla="*/ 17 w 22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2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59" name="Oval 114"/>
              <p:cNvSpPr>
                <a:spLocks noChangeArrowheads="1"/>
              </p:cNvSpPr>
              <p:nvPr/>
            </p:nvSpPr>
            <p:spPr bwMode="auto">
              <a:xfrm>
                <a:off x="6246813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0" name="Freeform 115"/>
              <p:cNvSpPr/>
              <p:nvPr/>
            </p:nvSpPr>
            <p:spPr bwMode="auto">
              <a:xfrm>
                <a:off x="5295901" y="1897063"/>
                <a:ext cx="246063" cy="512762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5 h 48" name="T25"/>
                  <a:gd fmla="*/ 9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3 w 23" name="T32"/>
                  <a:gd fmla="*/ 24 h 48" name="T33"/>
                  <a:gd fmla="*/ 13 w 23" name="T34"/>
                  <a:gd fmla="*/ 45 h 48" name="T35"/>
                  <a:gd fmla="*/ 15 w 23" name="T36"/>
                  <a:gd fmla="*/ 48 h 48" name="T37"/>
                  <a:gd fmla="*/ 18 w 23" name="T38"/>
                  <a:gd fmla="*/ 45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2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9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3" y="24"/>
                      <a:pt x="13" y="24"/>
                      <a:pt x="13" y="24"/>
                    </a:cubicBezTo>
                    <a:cubicBezTo>
                      <a:pt x="13" y="45"/>
                      <a:pt x="13" y="45"/>
                      <a:pt x="13" y="45"/>
                    </a:cubicBezTo>
                    <a:cubicBezTo>
                      <a:pt x="13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1" name="Oval 116"/>
              <p:cNvSpPr>
                <a:spLocks noChangeArrowheads="1"/>
              </p:cNvSpPr>
              <p:nvPr/>
            </p:nvSpPr>
            <p:spPr bwMode="auto">
              <a:xfrm>
                <a:off x="5370513" y="1790700"/>
                <a:ext cx="96838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2" name="Freeform 117"/>
              <p:cNvSpPr/>
              <p:nvPr/>
            </p:nvSpPr>
            <p:spPr bwMode="auto">
              <a:xfrm>
                <a:off x="5595938" y="1897063"/>
                <a:ext cx="244475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3 w 23" name="T14"/>
                  <a:gd fmla="*/ 22 h 48" name="T15"/>
                  <a:gd fmla="*/ 3 w 23" name="T16"/>
                  <a:gd fmla="*/ 8 h 48" name="T17"/>
                  <a:gd fmla="*/ 5 w 23" name="T18"/>
                  <a:gd fmla="*/ 8 h 48" name="T19"/>
                  <a:gd fmla="*/ 5 w 23" name="T20"/>
                  <a:gd fmla="*/ 21 h 48" name="T21"/>
                  <a:gd fmla="*/ 5 w 23" name="T22"/>
                  <a:gd fmla="*/ 22 h 48" name="T23"/>
                  <a:gd fmla="*/ 5 w 23" name="T24"/>
                  <a:gd fmla="*/ 45 h 48" name="T25"/>
                  <a:gd fmla="*/ 8 w 23" name="T26"/>
                  <a:gd fmla="*/ 48 h 48" name="T27"/>
                  <a:gd fmla="*/ 10 w 23" name="T28"/>
                  <a:gd fmla="*/ 45 h 48" name="T29"/>
                  <a:gd fmla="*/ 10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4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8 w 23" name="T46"/>
                  <a:gd fmla="*/ 8 h 48" name="T47"/>
                  <a:gd fmla="*/ 18 w 23" name="T48"/>
                  <a:gd fmla="*/ 22 h 48" name="T49"/>
                  <a:gd fmla="*/ 20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2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3" name="Oval 118"/>
              <p:cNvSpPr>
                <a:spLocks noChangeArrowheads="1"/>
              </p:cNvSpPr>
              <p:nvPr/>
            </p:nvSpPr>
            <p:spPr bwMode="auto">
              <a:xfrm>
                <a:off x="5670551" y="1790700"/>
                <a:ext cx="95250" cy="952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4" name="Freeform 119"/>
              <p:cNvSpPr/>
              <p:nvPr/>
            </p:nvSpPr>
            <p:spPr bwMode="auto">
              <a:xfrm>
                <a:off x="2987676" y="2603500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6 w 23" name="T18"/>
                  <a:gd fmla="*/ 7 h 48" name="T19"/>
                  <a:gd fmla="*/ 6 w 23" name="T20"/>
                  <a:gd fmla="*/ 21 h 48" name="T21"/>
                  <a:gd fmla="*/ 6 w 23" name="T22"/>
                  <a:gd fmla="*/ 21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5" name="Oval 120"/>
              <p:cNvSpPr>
                <a:spLocks noChangeArrowheads="1"/>
              </p:cNvSpPr>
              <p:nvPr/>
            </p:nvSpPr>
            <p:spPr bwMode="auto">
              <a:xfrm>
                <a:off x="3062288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6" name="Freeform 121"/>
              <p:cNvSpPr/>
              <p:nvPr/>
            </p:nvSpPr>
            <p:spPr bwMode="auto">
              <a:xfrm>
                <a:off x="3276601" y="2603500"/>
                <a:ext cx="246063" cy="512762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6 w 23" name="T18"/>
                  <a:gd fmla="*/ 7 h 48" name="T19"/>
                  <a:gd fmla="*/ 6 w 23" name="T20"/>
                  <a:gd fmla="*/ 21 h 48" name="T21"/>
                  <a:gd fmla="*/ 6 w 23" name="T22"/>
                  <a:gd fmla="*/ 21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8 w 23" name="T38"/>
                  <a:gd fmla="*/ 45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7" name="Oval 122"/>
              <p:cNvSpPr>
                <a:spLocks noChangeArrowheads="1"/>
              </p:cNvSpPr>
              <p:nvPr/>
            </p:nvSpPr>
            <p:spPr bwMode="auto">
              <a:xfrm>
                <a:off x="3351213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8" name="Freeform 123"/>
              <p:cNvSpPr/>
              <p:nvPr/>
            </p:nvSpPr>
            <p:spPr bwMode="auto">
              <a:xfrm>
                <a:off x="3575051" y="2603500"/>
                <a:ext cx="234950" cy="512762"/>
              </a:xfrm>
              <a:custGeom>
                <a:gdLst>
                  <a:gd fmla="*/ 17 w 22" name="T0"/>
                  <a:gd fmla="*/ 0 h 48" name="T1"/>
                  <a:gd fmla="*/ 5 w 22" name="T2"/>
                  <a:gd fmla="*/ 0 h 48" name="T3"/>
                  <a:gd fmla="*/ 0 w 22" name="T4"/>
                  <a:gd fmla="*/ 4 h 48" name="T5"/>
                  <a:gd fmla="*/ 0 w 22" name="T6"/>
                  <a:gd fmla="*/ 5 h 48" name="T7"/>
                  <a:gd fmla="*/ 0 w 22" name="T8"/>
                  <a:gd fmla="*/ 5 h 48" name="T9"/>
                  <a:gd fmla="*/ 0 w 22" name="T10"/>
                  <a:gd fmla="*/ 21 h 48" name="T11"/>
                  <a:gd fmla="*/ 1 w 22" name="T12"/>
                  <a:gd fmla="*/ 23 h 48" name="T13"/>
                  <a:gd fmla="*/ 3 w 22" name="T14"/>
                  <a:gd fmla="*/ 21 h 48" name="T15"/>
                  <a:gd fmla="*/ 3 w 22" name="T16"/>
                  <a:gd fmla="*/ 7 h 48" name="T17"/>
                  <a:gd fmla="*/ 5 w 22" name="T18"/>
                  <a:gd fmla="*/ 7 h 48" name="T19"/>
                  <a:gd fmla="*/ 5 w 22" name="T20"/>
                  <a:gd fmla="*/ 21 h 48" name="T21"/>
                  <a:gd fmla="*/ 5 w 22" name="T22"/>
                  <a:gd fmla="*/ 21 h 48" name="T23"/>
                  <a:gd fmla="*/ 5 w 22" name="T24"/>
                  <a:gd fmla="*/ 45 h 48" name="T25"/>
                  <a:gd fmla="*/ 8 w 22" name="T26"/>
                  <a:gd fmla="*/ 48 h 48" name="T27"/>
                  <a:gd fmla="*/ 10 w 22" name="T28"/>
                  <a:gd fmla="*/ 45 h 48" name="T29"/>
                  <a:gd fmla="*/ 10 w 22" name="T30"/>
                  <a:gd fmla="*/ 24 h 48" name="T31"/>
                  <a:gd fmla="*/ 12 w 22" name="T32"/>
                  <a:gd fmla="*/ 24 h 48" name="T33"/>
                  <a:gd fmla="*/ 12 w 22" name="T34"/>
                  <a:gd fmla="*/ 45 h 48" name="T35"/>
                  <a:gd fmla="*/ 14 w 22" name="T36"/>
                  <a:gd fmla="*/ 48 h 48" name="T37"/>
                  <a:gd fmla="*/ 17 w 22" name="T38"/>
                  <a:gd fmla="*/ 45 h 48" name="T39"/>
                  <a:gd fmla="*/ 17 w 22" name="T40"/>
                  <a:gd fmla="*/ 21 h 48" name="T41"/>
                  <a:gd fmla="*/ 17 w 22" name="T42"/>
                  <a:gd fmla="*/ 21 h 48" name="T43"/>
                  <a:gd fmla="*/ 17 w 22" name="T44"/>
                  <a:gd fmla="*/ 7 h 48" name="T45"/>
                  <a:gd fmla="*/ 18 w 22" name="T46"/>
                  <a:gd fmla="*/ 7 h 48" name="T47"/>
                  <a:gd fmla="*/ 18 w 22" name="T48"/>
                  <a:gd fmla="*/ 21 h 48" name="T49"/>
                  <a:gd fmla="*/ 20 w 22" name="T50"/>
                  <a:gd fmla="*/ 23 h 48" name="T51"/>
                  <a:gd fmla="*/ 22 w 22" name="T52"/>
                  <a:gd fmla="*/ 21 h 48" name="T53"/>
                  <a:gd fmla="*/ 22 w 22" name="T54"/>
                  <a:gd fmla="*/ 5 h 48" name="T55"/>
                  <a:gd fmla="*/ 22 w 22" name="T56"/>
                  <a:gd fmla="*/ 5 h 48" name="T57"/>
                  <a:gd fmla="*/ 22 w 22" name="T58"/>
                  <a:gd fmla="*/ 4 h 48" name="T59"/>
                  <a:gd fmla="*/ 17 w 22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2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0" y="23"/>
                      <a:pt x="1" y="23"/>
                    </a:cubicBezTo>
                    <a:cubicBezTo>
                      <a:pt x="2" y="23"/>
                      <a:pt x="3" y="22"/>
                      <a:pt x="3" y="21"/>
                    </a:cubicBezTo>
                    <a:cubicBezTo>
                      <a:pt x="3" y="7"/>
                      <a:pt x="3" y="7"/>
                      <a:pt x="3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2"/>
                      <a:pt x="19" y="23"/>
                      <a:pt x="20" y="23"/>
                    </a:cubicBezTo>
                    <a:cubicBezTo>
                      <a:pt x="21" y="23"/>
                      <a:pt x="22" y="22"/>
                      <a:pt x="22" y="21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4"/>
                      <a:pt x="22" y="4"/>
                      <a:pt x="22" y="4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69" name="Oval 124"/>
              <p:cNvSpPr>
                <a:spLocks noChangeArrowheads="1"/>
              </p:cNvSpPr>
              <p:nvPr/>
            </p:nvSpPr>
            <p:spPr bwMode="auto">
              <a:xfrm>
                <a:off x="3640138" y="2495550"/>
                <a:ext cx="106363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0" name="Freeform 125"/>
              <p:cNvSpPr/>
              <p:nvPr/>
            </p:nvSpPr>
            <p:spPr bwMode="auto">
              <a:xfrm>
                <a:off x="2400301" y="2603500"/>
                <a:ext cx="246063" cy="512762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6 w 23" name="T18"/>
                  <a:gd fmla="*/ 7 h 48" name="T19"/>
                  <a:gd fmla="*/ 6 w 23" name="T20"/>
                  <a:gd fmla="*/ 21 h 48" name="T21"/>
                  <a:gd fmla="*/ 6 w 23" name="T22"/>
                  <a:gd fmla="*/ 21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8 w 23" name="T38"/>
                  <a:gd fmla="*/ 45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1" name="Oval 126"/>
              <p:cNvSpPr>
                <a:spLocks noChangeArrowheads="1"/>
              </p:cNvSpPr>
              <p:nvPr/>
            </p:nvSpPr>
            <p:spPr bwMode="auto">
              <a:xfrm>
                <a:off x="2474913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2" name="Freeform 127"/>
              <p:cNvSpPr/>
              <p:nvPr/>
            </p:nvSpPr>
            <p:spPr bwMode="auto">
              <a:xfrm>
                <a:off x="2698751" y="2603500"/>
                <a:ext cx="234950" cy="512762"/>
              </a:xfrm>
              <a:custGeom>
                <a:gdLst>
                  <a:gd fmla="*/ 17 w 22" name="T0"/>
                  <a:gd fmla="*/ 0 h 48" name="T1"/>
                  <a:gd fmla="*/ 5 w 22" name="T2"/>
                  <a:gd fmla="*/ 0 h 48" name="T3"/>
                  <a:gd fmla="*/ 0 w 22" name="T4"/>
                  <a:gd fmla="*/ 4 h 48" name="T5"/>
                  <a:gd fmla="*/ 0 w 22" name="T6"/>
                  <a:gd fmla="*/ 5 h 48" name="T7"/>
                  <a:gd fmla="*/ 0 w 22" name="T8"/>
                  <a:gd fmla="*/ 5 h 48" name="T9"/>
                  <a:gd fmla="*/ 0 w 22" name="T10"/>
                  <a:gd fmla="*/ 21 h 48" name="T11"/>
                  <a:gd fmla="*/ 1 w 22" name="T12"/>
                  <a:gd fmla="*/ 23 h 48" name="T13"/>
                  <a:gd fmla="*/ 3 w 22" name="T14"/>
                  <a:gd fmla="*/ 21 h 48" name="T15"/>
                  <a:gd fmla="*/ 3 w 22" name="T16"/>
                  <a:gd fmla="*/ 7 h 48" name="T17"/>
                  <a:gd fmla="*/ 5 w 22" name="T18"/>
                  <a:gd fmla="*/ 7 h 48" name="T19"/>
                  <a:gd fmla="*/ 5 w 22" name="T20"/>
                  <a:gd fmla="*/ 21 h 48" name="T21"/>
                  <a:gd fmla="*/ 5 w 22" name="T22"/>
                  <a:gd fmla="*/ 21 h 48" name="T23"/>
                  <a:gd fmla="*/ 5 w 22" name="T24"/>
                  <a:gd fmla="*/ 45 h 48" name="T25"/>
                  <a:gd fmla="*/ 8 w 22" name="T26"/>
                  <a:gd fmla="*/ 48 h 48" name="T27"/>
                  <a:gd fmla="*/ 10 w 22" name="T28"/>
                  <a:gd fmla="*/ 45 h 48" name="T29"/>
                  <a:gd fmla="*/ 10 w 22" name="T30"/>
                  <a:gd fmla="*/ 24 h 48" name="T31"/>
                  <a:gd fmla="*/ 12 w 22" name="T32"/>
                  <a:gd fmla="*/ 24 h 48" name="T33"/>
                  <a:gd fmla="*/ 12 w 22" name="T34"/>
                  <a:gd fmla="*/ 45 h 48" name="T35"/>
                  <a:gd fmla="*/ 14 w 22" name="T36"/>
                  <a:gd fmla="*/ 48 h 48" name="T37"/>
                  <a:gd fmla="*/ 17 w 22" name="T38"/>
                  <a:gd fmla="*/ 45 h 48" name="T39"/>
                  <a:gd fmla="*/ 17 w 22" name="T40"/>
                  <a:gd fmla="*/ 21 h 48" name="T41"/>
                  <a:gd fmla="*/ 17 w 22" name="T42"/>
                  <a:gd fmla="*/ 21 h 48" name="T43"/>
                  <a:gd fmla="*/ 17 w 22" name="T44"/>
                  <a:gd fmla="*/ 7 h 48" name="T45"/>
                  <a:gd fmla="*/ 18 w 22" name="T46"/>
                  <a:gd fmla="*/ 7 h 48" name="T47"/>
                  <a:gd fmla="*/ 18 w 22" name="T48"/>
                  <a:gd fmla="*/ 21 h 48" name="T49"/>
                  <a:gd fmla="*/ 20 w 22" name="T50"/>
                  <a:gd fmla="*/ 23 h 48" name="T51"/>
                  <a:gd fmla="*/ 22 w 22" name="T52"/>
                  <a:gd fmla="*/ 21 h 48" name="T53"/>
                  <a:gd fmla="*/ 22 w 22" name="T54"/>
                  <a:gd fmla="*/ 5 h 48" name="T55"/>
                  <a:gd fmla="*/ 22 w 22" name="T56"/>
                  <a:gd fmla="*/ 5 h 48" name="T57"/>
                  <a:gd fmla="*/ 22 w 22" name="T58"/>
                  <a:gd fmla="*/ 4 h 48" name="T59"/>
                  <a:gd fmla="*/ 17 w 22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2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0" y="23"/>
                      <a:pt x="1" y="23"/>
                    </a:cubicBezTo>
                    <a:cubicBezTo>
                      <a:pt x="2" y="23"/>
                      <a:pt x="3" y="22"/>
                      <a:pt x="3" y="21"/>
                    </a:cubicBezTo>
                    <a:cubicBezTo>
                      <a:pt x="3" y="7"/>
                      <a:pt x="3" y="7"/>
                      <a:pt x="3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2"/>
                      <a:pt x="19" y="23"/>
                      <a:pt x="20" y="23"/>
                    </a:cubicBezTo>
                    <a:cubicBezTo>
                      <a:pt x="21" y="23"/>
                      <a:pt x="22" y="22"/>
                      <a:pt x="22" y="21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4"/>
                      <a:pt x="22" y="4"/>
                      <a:pt x="22" y="4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3" name="Oval 128"/>
              <p:cNvSpPr>
                <a:spLocks noChangeArrowheads="1"/>
              </p:cNvSpPr>
              <p:nvPr/>
            </p:nvSpPr>
            <p:spPr bwMode="auto">
              <a:xfrm>
                <a:off x="2763838" y="2495550"/>
                <a:ext cx="106363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4" name="Freeform 129"/>
              <p:cNvSpPr/>
              <p:nvPr/>
            </p:nvSpPr>
            <p:spPr bwMode="auto">
              <a:xfrm>
                <a:off x="4441826" y="2603500"/>
                <a:ext cx="244475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5 w 23" name="T18"/>
                  <a:gd fmla="*/ 7 h 48" name="T19"/>
                  <a:gd fmla="*/ 5 w 23" name="T20"/>
                  <a:gd fmla="*/ 21 h 48" name="T21"/>
                  <a:gd fmla="*/ 5 w 23" name="T22"/>
                  <a:gd fmla="*/ 21 h 48" name="T23"/>
                  <a:gd fmla="*/ 5 w 23" name="T24"/>
                  <a:gd fmla="*/ 45 h 48" name="T25"/>
                  <a:gd fmla="*/ 8 w 23" name="T26"/>
                  <a:gd fmla="*/ 48 h 48" name="T27"/>
                  <a:gd fmla="*/ 10 w 23" name="T28"/>
                  <a:gd fmla="*/ 45 h 48" name="T29"/>
                  <a:gd fmla="*/ 10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4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19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5" name="Oval 130"/>
              <p:cNvSpPr>
                <a:spLocks noChangeArrowheads="1"/>
              </p:cNvSpPr>
              <p:nvPr/>
            </p:nvSpPr>
            <p:spPr bwMode="auto">
              <a:xfrm>
                <a:off x="4516438" y="2495550"/>
                <a:ext cx="95250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6" name="Freeform 131"/>
              <p:cNvSpPr/>
              <p:nvPr/>
            </p:nvSpPr>
            <p:spPr bwMode="auto">
              <a:xfrm>
                <a:off x="4729163" y="2603500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5 w 23" name="T18"/>
                  <a:gd fmla="*/ 7 h 48" name="T19"/>
                  <a:gd fmla="*/ 5 w 23" name="T20"/>
                  <a:gd fmla="*/ 21 h 48" name="T21"/>
                  <a:gd fmla="*/ 5 w 23" name="T22"/>
                  <a:gd fmla="*/ 21 h 48" name="T23"/>
                  <a:gd fmla="*/ 5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7" name="Oval 132"/>
              <p:cNvSpPr>
                <a:spLocks noChangeArrowheads="1"/>
              </p:cNvSpPr>
              <p:nvPr/>
            </p:nvSpPr>
            <p:spPr bwMode="auto">
              <a:xfrm>
                <a:off x="4803776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8" name="Freeform 133"/>
              <p:cNvSpPr/>
              <p:nvPr/>
            </p:nvSpPr>
            <p:spPr bwMode="auto">
              <a:xfrm>
                <a:off x="5018088" y="2603500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6 w 23" name="T18"/>
                  <a:gd fmla="*/ 7 h 48" name="T19"/>
                  <a:gd fmla="*/ 6 w 23" name="T20"/>
                  <a:gd fmla="*/ 21 h 48" name="T21"/>
                  <a:gd fmla="*/ 6 w 23" name="T22"/>
                  <a:gd fmla="*/ 21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79" name="Oval 134"/>
              <p:cNvSpPr>
                <a:spLocks noChangeArrowheads="1"/>
              </p:cNvSpPr>
              <p:nvPr/>
            </p:nvSpPr>
            <p:spPr bwMode="auto">
              <a:xfrm>
                <a:off x="5092701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0" name="Freeform 135"/>
              <p:cNvSpPr/>
              <p:nvPr/>
            </p:nvSpPr>
            <p:spPr bwMode="auto">
              <a:xfrm>
                <a:off x="3852863" y="2603500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5 w 23" name="T18"/>
                  <a:gd fmla="*/ 7 h 48" name="T19"/>
                  <a:gd fmla="*/ 5 w 23" name="T20"/>
                  <a:gd fmla="*/ 21 h 48" name="T21"/>
                  <a:gd fmla="*/ 5 w 23" name="T22"/>
                  <a:gd fmla="*/ 21 h 48" name="T23"/>
                  <a:gd fmla="*/ 5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1" name="Oval 136"/>
              <p:cNvSpPr>
                <a:spLocks noChangeArrowheads="1"/>
              </p:cNvSpPr>
              <p:nvPr/>
            </p:nvSpPr>
            <p:spPr bwMode="auto">
              <a:xfrm>
                <a:off x="3927476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2" name="Freeform 137"/>
              <p:cNvSpPr/>
              <p:nvPr/>
            </p:nvSpPr>
            <p:spPr bwMode="auto">
              <a:xfrm>
                <a:off x="4141788" y="2603500"/>
                <a:ext cx="246063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6 w 23" name="T18"/>
                  <a:gd fmla="*/ 7 h 48" name="T19"/>
                  <a:gd fmla="*/ 6 w 23" name="T20"/>
                  <a:gd fmla="*/ 21 h 48" name="T21"/>
                  <a:gd fmla="*/ 6 w 23" name="T22"/>
                  <a:gd fmla="*/ 21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3" name="Oval 138"/>
              <p:cNvSpPr>
                <a:spLocks noChangeArrowheads="1"/>
              </p:cNvSpPr>
              <p:nvPr/>
            </p:nvSpPr>
            <p:spPr bwMode="auto">
              <a:xfrm>
                <a:off x="4216401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4" name="Freeform 139"/>
              <p:cNvSpPr/>
              <p:nvPr/>
            </p:nvSpPr>
            <p:spPr bwMode="auto">
              <a:xfrm>
                <a:off x="5883276" y="2603500"/>
                <a:ext cx="246063" cy="512762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6 w 23" name="T18"/>
                  <a:gd fmla="*/ 7 h 48" name="T19"/>
                  <a:gd fmla="*/ 6 w 23" name="T20"/>
                  <a:gd fmla="*/ 21 h 48" name="T21"/>
                  <a:gd fmla="*/ 6 w 23" name="T22"/>
                  <a:gd fmla="*/ 21 h 48" name="T23"/>
                  <a:gd fmla="*/ 6 w 23" name="T24"/>
                  <a:gd fmla="*/ 45 h 48" name="T25"/>
                  <a:gd fmla="*/ 8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5 w 23" name="T36"/>
                  <a:gd fmla="*/ 48 h 48" name="T37"/>
                  <a:gd fmla="*/ 18 w 23" name="T38"/>
                  <a:gd fmla="*/ 45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5" name="Oval 140"/>
              <p:cNvSpPr>
                <a:spLocks noChangeArrowheads="1"/>
              </p:cNvSpPr>
              <p:nvPr/>
            </p:nvSpPr>
            <p:spPr bwMode="auto">
              <a:xfrm>
                <a:off x="5957888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6" name="Freeform 141"/>
              <p:cNvSpPr/>
              <p:nvPr/>
            </p:nvSpPr>
            <p:spPr bwMode="auto">
              <a:xfrm>
                <a:off x="6183313" y="2603500"/>
                <a:ext cx="234950" cy="512762"/>
              </a:xfrm>
              <a:custGeom>
                <a:gdLst>
                  <a:gd fmla="*/ 17 w 22" name="T0"/>
                  <a:gd fmla="*/ 0 h 48" name="T1"/>
                  <a:gd fmla="*/ 5 w 22" name="T2"/>
                  <a:gd fmla="*/ 0 h 48" name="T3"/>
                  <a:gd fmla="*/ 0 w 22" name="T4"/>
                  <a:gd fmla="*/ 4 h 48" name="T5"/>
                  <a:gd fmla="*/ 0 w 22" name="T6"/>
                  <a:gd fmla="*/ 5 h 48" name="T7"/>
                  <a:gd fmla="*/ 0 w 22" name="T8"/>
                  <a:gd fmla="*/ 5 h 48" name="T9"/>
                  <a:gd fmla="*/ 0 w 22" name="T10"/>
                  <a:gd fmla="*/ 21 h 48" name="T11"/>
                  <a:gd fmla="*/ 1 w 22" name="T12"/>
                  <a:gd fmla="*/ 23 h 48" name="T13"/>
                  <a:gd fmla="*/ 3 w 22" name="T14"/>
                  <a:gd fmla="*/ 21 h 48" name="T15"/>
                  <a:gd fmla="*/ 3 w 22" name="T16"/>
                  <a:gd fmla="*/ 7 h 48" name="T17"/>
                  <a:gd fmla="*/ 5 w 22" name="T18"/>
                  <a:gd fmla="*/ 7 h 48" name="T19"/>
                  <a:gd fmla="*/ 5 w 22" name="T20"/>
                  <a:gd fmla="*/ 21 h 48" name="T21"/>
                  <a:gd fmla="*/ 5 w 22" name="T22"/>
                  <a:gd fmla="*/ 21 h 48" name="T23"/>
                  <a:gd fmla="*/ 5 w 22" name="T24"/>
                  <a:gd fmla="*/ 45 h 48" name="T25"/>
                  <a:gd fmla="*/ 8 w 22" name="T26"/>
                  <a:gd fmla="*/ 48 h 48" name="T27"/>
                  <a:gd fmla="*/ 10 w 22" name="T28"/>
                  <a:gd fmla="*/ 45 h 48" name="T29"/>
                  <a:gd fmla="*/ 10 w 22" name="T30"/>
                  <a:gd fmla="*/ 24 h 48" name="T31"/>
                  <a:gd fmla="*/ 12 w 22" name="T32"/>
                  <a:gd fmla="*/ 24 h 48" name="T33"/>
                  <a:gd fmla="*/ 12 w 22" name="T34"/>
                  <a:gd fmla="*/ 45 h 48" name="T35"/>
                  <a:gd fmla="*/ 14 w 22" name="T36"/>
                  <a:gd fmla="*/ 48 h 48" name="T37"/>
                  <a:gd fmla="*/ 17 w 22" name="T38"/>
                  <a:gd fmla="*/ 45 h 48" name="T39"/>
                  <a:gd fmla="*/ 17 w 22" name="T40"/>
                  <a:gd fmla="*/ 21 h 48" name="T41"/>
                  <a:gd fmla="*/ 17 w 22" name="T42"/>
                  <a:gd fmla="*/ 21 h 48" name="T43"/>
                  <a:gd fmla="*/ 17 w 22" name="T44"/>
                  <a:gd fmla="*/ 7 h 48" name="T45"/>
                  <a:gd fmla="*/ 18 w 22" name="T46"/>
                  <a:gd fmla="*/ 7 h 48" name="T47"/>
                  <a:gd fmla="*/ 18 w 22" name="T48"/>
                  <a:gd fmla="*/ 21 h 48" name="T49"/>
                  <a:gd fmla="*/ 20 w 22" name="T50"/>
                  <a:gd fmla="*/ 23 h 48" name="T51"/>
                  <a:gd fmla="*/ 22 w 22" name="T52"/>
                  <a:gd fmla="*/ 21 h 48" name="T53"/>
                  <a:gd fmla="*/ 22 w 22" name="T54"/>
                  <a:gd fmla="*/ 5 h 48" name="T55"/>
                  <a:gd fmla="*/ 22 w 22" name="T56"/>
                  <a:gd fmla="*/ 5 h 48" name="T57"/>
                  <a:gd fmla="*/ 22 w 22" name="T58"/>
                  <a:gd fmla="*/ 4 h 48" name="T59"/>
                  <a:gd fmla="*/ 17 w 22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2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0" y="23"/>
                      <a:pt x="1" y="23"/>
                    </a:cubicBezTo>
                    <a:cubicBezTo>
                      <a:pt x="2" y="23"/>
                      <a:pt x="3" y="22"/>
                      <a:pt x="3" y="21"/>
                    </a:cubicBezTo>
                    <a:cubicBezTo>
                      <a:pt x="3" y="7"/>
                      <a:pt x="3" y="7"/>
                      <a:pt x="3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2"/>
                      <a:pt x="19" y="23"/>
                      <a:pt x="20" y="23"/>
                    </a:cubicBezTo>
                    <a:cubicBezTo>
                      <a:pt x="21" y="23"/>
                      <a:pt x="22" y="22"/>
                      <a:pt x="22" y="21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4"/>
                      <a:pt x="22" y="4"/>
                      <a:pt x="22" y="4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7" name="Oval 142"/>
              <p:cNvSpPr>
                <a:spLocks noChangeArrowheads="1"/>
              </p:cNvSpPr>
              <p:nvPr/>
            </p:nvSpPr>
            <p:spPr bwMode="auto">
              <a:xfrm>
                <a:off x="6246813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8" name="Freeform 143"/>
              <p:cNvSpPr/>
              <p:nvPr/>
            </p:nvSpPr>
            <p:spPr bwMode="auto">
              <a:xfrm>
                <a:off x="5295901" y="2603500"/>
                <a:ext cx="246063" cy="512762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4 w 23" name="T14"/>
                  <a:gd fmla="*/ 21 h 48" name="T15"/>
                  <a:gd fmla="*/ 4 w 23" name="T16"/>
                  <a:gd fmla="*/ 7 h 48" name="T17"/>
                  <a:gd fmla="*/ 6 w 23" name="T18"/>
                  <a:gd fmla="*/ 7 h 48" name="T19"/>
                  <a:gd fmla="*/ 6 w 23" name="T20"/>
                  <a:gd fmla="*/ 21 h 48" name="T21"/>
                  <a:gd fmla="*/ 6 w 23" name="T22"/>
                  <a:gd fmla="*/ 21 h 48" name="T23"/>
                  <a:gd fmla="*/ 6 w 23" name="T24"/>
                  <a:gd fmla="*/ 45 h 48" name="T25"/>
                  <a:gd fmla="*/ 9 w 23" name="T26"/>
                  <a:gd fmla="*/ 48 h 48" name="T27"/>
                  <a:gd fmla="*/ 11 w 23" name="T28"/>
                  <a:gd fmla="*/ 45 h 48" name="T29"/>
                  <a:gd fmla="*/ 11 w 23" name="T30"/>
                  <a:gd fmla="*/ 24 h 48" name="T31"/>
                  <a:gd fmla="*/ 13 w 23" name="T32"/>
                  <a:gd fmla="*/ 24 h 48" name="T33"/>
                  <a:gd fmla="*/ 13 w 23" name="T34"/>
                  <a:gd fmla="*/ 45 h 48" name="T35"/>
                  <a:gd fmla="*/ 15 w 23" name="T36"/>
                  <a:gd fmla="*/ 48 h 48" name="T37"/>
                  <a:gd fmla="*/ 18 w 23" name="T38"/>
                  <a:gd fmla="*/ 45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7 h 48" name="T45"/>
                  <a:gd fmla="*/ 19 w 23" name="T46"/>
                  <a:gd fmla="*/ 7 h 48" name="T47"/>
                  <a:gd fmla="*/ 19 w 23" name="T48"/>
                  <a:gd fmla="*/ 21 h 48" name="T49"/>
                  <a:gd fmla="*/ 21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4" y="22"/>
                      <a:pt x="4" y="21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6" y="7"/>
                      <a:pt x="6" y="7"/>
                      <a:pt x="6" y="7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45"/>
                      <a:pt x="6" y="45"/>
                      <a:pt x="6" y="45"/>
                    </a:cubicBezTo>
                    <a:cubicBezTo>
                      <a:pt x="6" y="47"/>
                      <a:pt x="7" y="48"/>
                      <a:pt x="9" y="48"/>
                    </a:cubicBezTo>
                    <a:cubicBezTo>
                      <a:pt x="10" y="48"/>
                      <a:pt x="11" y="47"/>
                      <a:pt x="11" y="45"/>
                    </a:cubicBezTo>
                    <a:cubicBezTo>
                      <a:pt x="11" y="24"/>
                      <a:pt x="11" y="24"/>
                      <a:pt x="11" y="24"/>
                    </a:cubicBezTo>
                    <a:cubicBezTo>
                      <a:pt x="13" y="24"/>
                      <a:pt x="13" y="24"/>
                      <a:pt x="13" y="24"/>
                    </a:cubicBezTo>
                    <a:cubicBezTo>
                      <a:pt x="13" y="45"/>
                      <a:pt x="13" y="45"/>
                      <a:pt x="13" y="45"/>
                    </a:cubicBezTo>
                    <a:cubicBezTo>
                      <a:pt x="13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5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21"/>
                      <a:pt x="19" y="21"/>
                      <a:pt x="19" y="21"/>
                    </a:cubicBezTo>
                    <a:cubicBezTo>
                      <a:pt x="19" y="22"/>
                      <a:pt x="20" y="23"/>
                      <a:pt x="21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89" name="Oval 144"/>
              <p:cNvSpPr>
                <a:spLocks noChangeArrowheads="1"/>
              </p:cNvSpPr>
              <p:nvPr/>
            </p:nvSpPr>
            <p:spPr bwMode="auto">
              <a:xfrm>
                <a:off x="5370513" y="2495550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0" name="Freeform 145"/>
              <p:cNvSpPr/>
              <p:nvPr/>
            </p:nvSpPr>
            <p:spPr bwMode="auto">
              <a:xfrm>
                <a:off x="5595938" y="2603500"/>
                <a:ext cx="244475" cy="512762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4 h 48" name="T5"/>
                  <a:gd fmla="*/ 0 w 23" name="T6"/>
                  <a:gd fmla="*/ 5 h 48" name="T7"/>
                  <a:gd fmla="*/ 0 w 23" name="T8"/>
                  <a:gd fmla="*/ 5 h 48" name="T9"/>
                  <a:gd fmla="*/ 0 w 23" name="T10"/>
                  <a:gd fmla="*/ 21 h 48" name="T11"/>
                  <a:gd fmla="*/ 2 w 23" name="T12"/>
                  <a:gd fmla="*/ 23 h 48" name="T13"/>
                  <a:gd fmla="*/ 3 w 23" name="T14"/>
                  <a:gd fmla="*/ 21 h 48" name="T15"/>
                  <a:gd fmla="*/ 3 w 23" name="T16"/>
                  <a:gd fmla="*/ 7 h 48" name="T17"/>
                  <a:gd fmla="*/ 5 w 23" name="T18"/>
                  <a:gd fmla="*/ 7 h 48" name="T19"/>
                  <a:gd fmla="*/ 5 w 23" name="T20"/>
                  <a:gd fmla="*/ 21 h 48" name="T21"/>
                  <a:gd fmla="*/ 5 w 23" name="T22"/>
                  <a:gd fmla="*/ 21 h 48" name="T23"/>
                  <a:gd fmla="*/ 5 w 23" name="T24"/>
                  <a:gd fmla="*/ 45 h 48" name="T25"/>
                  <a:gd fmla="*/ 8 w 23" name="T26"/>
                  <a:gd fmla="*/ 48 h 48" name="T27"/>
                  <a:gd fmla="*/ 10 w 23" name="T28"/>
                  <a:gd fmla="*/ 45 h 48" name="T29"/>
                  <a:gd fmla="*/ 10 w 23" name="T30"/>
                  <a:gd fmla="*/ 24 h 48" name="T31"/>
                  <a:gd fmla="*/ 12 w 23" name="T32"/>
                  <a:gd fmla="*/ 24 h 48" name="T33"/>
                  <a:gd fmla="*/ 12 w 23" name="T34"/>
                  <a:gd fmla="*/ 45 h 48" name="T35"/>
                  <a:gd fmla="*/ 14 w 23" name="T36"/>
                  <a:gd fmla="*/ 48 h 48" name="T37"/>
                  <a:gd fmla="*/ 17 w 23" name="T38"/>
                  <a:gd fmla="*/ 45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7 h 48" name="T45"/>
                  <a:gd fmla="*/ 18 w 23" name="T46"/>
                  <a:gd fmla="*/ 7 h 48" name="T47"/>
                  <a:gd fmla="*/ 18 w 23" name="T48"/>
                  <a:gd fmla="*/ 21 h 48" name="T49"/>
                  <a:gd fmla="*/ 20 w 23" name="T50"/>
                  <a:gd fmla="*/ 23 h 48" name="T51"/>
                  <a:gd fmla="*/ 23 w 23" name="T52"/>
                  <a:gd fmla="*/ 21 h 48" name="T53"/>
                  <a:gd fmla="*/ 23 w 23" name="T54"/>
                  <a:gd fmla="*/ 5 h 48" name="T55"/>
                  <a:gd fmla="*/ 23 w 23" name="T56"/>
                  <a:gd fmla="*/ 5 h 48" name="T57"/>
                  <a:gd fmla="*/ 23 w 23" name="T58"/>
                  <a:gd fmla="*/ 4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1" y="23"/>
                      <a:pt x="2" y="23"/>
                    </a:cubicBezTo>
                    <a:cubicBezTo>
                      <a:pt x="3" y="23"/>
                      <a:pt x="3" y="22"/>
                      <a:pt x="3" y="21"/>
                    </a:cubicBezTo>
                    <a:cubicBezTo>
                      <a:pt x="3" y="7"/>
                      <a:pt x="3" y="7"/>
                      <a:pt x="3" y="7"/>
                    </a:cubicBezTo>
                    <a:cubicBezTo>
                      <a:pt x="5" y="7"/>
                      <a:pt x="5" y="7"/>
                      <a:pt x="5" y="7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45"/>
                      <a:pt x="5" y="45"/>
                      <a:pt x="5" y="45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5"/>
                    </a:cubicBezTo>
                    <a:cubicBezTo>
                      <a:pt x="10" y="24"/>
                      <a:pt x="10" y="24"/>
                      <a:pt x="10" y="24"/>
                    </a:cubicBezTo>
                    <a:cubicBezTo>
                      <a:pt x="12" y="24"/>
                      <a:pt x="12" y="24"/>
                      <a:pt x="12" y="24"/>
                    </a:cubicBezTo>
                    <a:cubicBezTo>
                      <a:pt x="12" y="45"/>
                      <a:pt x="12" y="45"/>
                      <a:pt x="12" y="45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5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7"/>
                      <a:pt x="17" y="7"/>
                      <a:pt x="17" y="7"/>
                    </a:cubicBezTo>
                    <a:cubicBezTo>
                      <a:pt x="18" y="7"/>
                      <a:pt x="18" y="7"/>
                      <a:pt x="18" y="7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2"/>
                      <a:pt x="19" y="23"/>
                      <a:pt x="20" y="23"/>
                    </a:cubicBezTo>
                    <a:cubicBezTo>
                      <a:pt x="22" y="23"/>
                      <a:pt x="23" y="22"/>
                      <a:pt x="23" y="21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4"/>
                      <a:pt x="23" y="4"/>
                      <a:pt x="23" y="4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1" name="Oval 146"/>
              <p:cNvSpPr>
                <a:spLocks noChangeArrowheads="1"/>
              </p:cNvSpPr>
              <p:nvPr/>
            </p:nvSpPr>
            <p:spPr bwMode="auto">
              <a:xfrm>
                <a:off x="5670551" y="2495550"/>
                <a:ext cx="95250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2" name="Freeform 147"/>
              <p:cNvSpPr/>
              <p:nvPr/>
            </p:nvSpPr>
            <p:spPr bwMode="auto">
              <a:xfrm>
                <a:off x="2987676" y="3297238"/>
                <a:ext cx="246063" cy="514350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6 h 48" name="T25"/>
                  <a:gd fmla="*/ 8 w 23" name="T26"/>
                  <a:gd fmla="*/ 48 h 48" name="T27"/>
                  <a:gd fmla="*/ 11 w 23" name="T28"/>
                  <a:gd fmla="*/ 46 h 48" name="T29"/>
                  <a:gd fmla="*/ 11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5 w 23" name="T36"/>
                  <a:gd fmla="*/ 48 h 48" name="T37"/>
                  <a:gd fmla="*/ 17 w 23" name="T38"/>
                  <a:gd fmla="*/ 46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3" name="Oval 148"/>
              <p:cNvSpPr>
                <a:spLocks noChangeArrowheads="1"/>
              </p:cNvSpPr>
              <p:nvPr/>
            </p:nvSpPr>
            <p:spPr bwMode="auto">
              <a:xfrm>
                <a:off x="3062288" y="3190875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4" name="Freeform 149"/>
              <p:cNvSpPr/>
              <p:nvPr/>
            </p:nvSpPr>
            <p:spPr bwMode="auto">
              <a:xfrm>
                <a:off x="3276601" y="3297238"/>
                <a:ext cx="246063" cy="514350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6 h 48" name="T25"/>
                  <a:gd fmla="*/ 8 w 23" name="T26"/>
                  <a:gd fmla="*/ 48 h 48" name="T27"/>
                  <a:gd fmla="*/ 11 w 23" name="T28"/>
                  <a:gd fmla="*/ 46 h 48" name="T29"/>
                  <a:gd fmla="*/ 11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5 w 23" name="T36"/>
                  <a:gd fmla="*/ 48 h 48" name="T37"/>
                  <a:gd fmla="*/ 18 w 23" name="T38"/>
                  <a:gd fmla="*/ 46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6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5" name="Oval 150"/>
              <p:cNvSpPr>
                <a:spLocks noChangeArrowheads="1"/>
              </p:cNvSpPr>
              <p:nvPr/>
            </p:nvSpPr>
            <p:spPr bwMode="auto">
              <a:xfrm>
                <a:off x="3351213" y="3190875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6" name="Freeform 151"/>
              <p:cNvSpPr/>
              <p:nvPr/>
            </p:nvSpPr>
            <p:spPr bwMode="auto">
              <a:xfrm>
                <a:off x="3575051" y="3297238"/>
                <a:ext cx="234950" cy="514350"/>
              </a:xfrm>
              <a:custGeom>
                <a:gdLst>
                  <a:gd fmla="*/ 17 w 22" name="T0"/>
                  <a:gd fmla="*/ 0 h 48" name="T1"/>
                  <a:gd fmla="*/ 5 w 22" name="T2"/>
                  <a:gd fmla="*/ 0 h 48" name="T3"/>
                  <a:gd fmla="*/ 0 w 22" name="T4"/>
                  <a:gd fmla="*/ 5 h 48" name="T5"/>
                  <a:gd fmla="*/ 0 w 22" name="T6"/>
                  <a:gd fmla="*/ 5 h 48" name="T7"/>
                  <a:gd fmla="*/ 0 w 22" name="T8"/>
                  <a:gd fmla="*/ 6 h 48" name="T9"/>
                  <a:gd fmla="*/ 0 w 22" name="T10"/>
                  <a:gd fmla="*/ 22 h 48" name="T11"/>
                  <a:gd fmla="*/ 1 w 22" name="T12"/>
                  <a:gd fmla="*/ 24 h 48" name="T13"/>
                  <a:gd fmla="*/ 3 w 22" name="T14"/>
                  <a:gd fmla="*/ 22 h 48" name="T15"/>
                  <a:gd fmla="*/ 3 w 22" name="T16"/>
                  <a:gd fmla="*/ 8 h 48" name="T17"/>
                  <a:gd fmla="*/ 5 w 22" name="T18"/>
                  <a:gd fmla="*/ 8 h 48" name="T19"/>
                  <a:gd fmla="*/ 5 w 22" name="T20"/>
                  <a:gd fmla="*/ 21 h 48" name="T21"/>
                  <a:gd fmla="*/ 5 w 22" name="T22"/>
                  <a:gd fmla="*/ 22 h 48" name="T23"/>
                  <a:gd fmla="*/ 5 w 22" name="T24"/>
                  <a:gd fmla="*/ 46 h 48" name="T25"/>
                  <a:gd fmla="*/ 8 w 22" name="T26"/>
                  <a:gd fmla="*/ 48 h 48" name="T27"/>
                  <a:gd fmla="*/ 10 w 22" name="T28"/>
                  <a:gd fmla="*/ 46 h 48" name="T29"/>
                  <a:gd fmla="*/ 10 w 22" name="T30"/>
                  <a:gd fmla="*/ 25 h 48" name="T31"/>
                  <a:gd fmla="*/ 12 w 22" name="T32"/>
                  <a:gd fmla="*/ 25 h 48" name="T33"/>
                  <a:gd fmla="*/ 12 w 22" name="T34"/>
                  <a:gd fmla="*/ 46 h 48" name="T35"/>
                  <a:gd fmla="*/ 14 w 22" name="T36"/>
                  <a:gd fmla="*/ 48 h 48" name="T37"/>
                  <a:gd fmla="*/ 17 w 22" name="T38"/>
                  <a:gd fmla="*/ 46 h 48" name="T39"/>
                  <a:gd fmla="*/ 17 w 22" name="T40"/>
                  <a:gd fmla="*/ 21 h 48" name="T41"/>
                  <a:gd fmla="*/ 17 w 22" name="T42"/>
                  <a:gd fmla="*/ 21 h 48" name="T43"/>
                  <a:gd fmla="*/ 17 w 22" name="T44"/>
                  <a:gd fmla="*/ 8 h 48" name="T45"/>
                  <a:gd fmla="*/ 18 w 22" name="T46"/>
                  <a:gd fmla="*/ 8 h 48" name="T47"/>
                  <a:gd fmla="*/ 18 w 22" name="T48"/>
                  <a:gd fmla="*/ 22 h 48" name="T49"/>
                  <a:gd fmla="*/ 20 w 22" name="T50"/>
                  <a:gd fmla="*/ 24 h 48" name="T51"/>
                  <a:gd fmla="*/ 22 w 22" name="T52"/>
                  <a:gd fmla="*/ 22 h 48" name="T53"/>
                  <a:gd fmla="*/ 22 w 22" name="T54"/>
                  <a:gd fmla="*/ 6 h 48" name="T55"/>
                  <a:gd fmla="*/ 22 w 22" name="T56"/>
                  <a:gd fmla="*/ 5 h 48" name="T57"/>
                  <a:gd fmla="*/ 22 w 22" name="T58"/>
                  <a:gd fmla="*/ 5 h 48" name="T59"/>
                  <a:gd fmla="*/ 17 w 22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2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7" name="Oval 152"/>
              <p:cNvSpPr>
                <a:spLocks noChangeArrowheads="1"/>
              </p:cNvSpPr>
              <p:nvPr/>
            </p:nvSpPr>
            <p:spPr bwMode="auto">
              <a:xfrm>
                <a:off x="3640138" y="3190875"/>
                <a:ext cx="106363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8" name="Freeform 153"/>
              <p:cNvSpPr/>
              <p:nvPr/>
            </p:nvSpPr>
            <p:spPr bwMode="auto">
              <a:xfrm>
                <a:off x="2400301" y="3297238"/>
                <a:ext cx="246063" cy="514350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6 h 48" name="T25"/>
                  <a:gd fmla="*/ 8 w 23" name="T26"/>
                  <a:gd fmla="*/ 48 h 48" name="T27"/>
                  <a:gd fmla="*/ 11 w 23" name="T28"/>
                  <a:gd fmla="*/ 46 h 48" name="T29"/>
                  <a:gd fmla="*/ 11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5 w 23" name="T36"/>
                  <a:gd fmla="*/ 48 h 48" name="T37"/>
                  <a:gd fmla="*/ 18 w 23" name="T38"/>
                  <a:gd fmla="*/ 46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6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99" name="Oval 154"/>
              <p:cNvSpPr>
                <a:spLocks noChangeArrowheads="1"/>
              </p:cNvSpPr>
              <p:nvPr/>
            </p:nvSpPr>
            <p:spPr bwMode="auto">
              <a:xfrm>
                <a:off x="2474913" y="3190875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00" name="Freeform 155"/>
              <p:cNvSpPr/>
              <p:nvPr/>
            </p:nvSpPr>
            <p:spPr bwMode="auto">
              <a:xfrm>
                <a:off x="2698751" y="3297238"/>
                <a:ext cx="234950" cy="514350"/>
              </a:xfrm>
              <a:custGeom>
                <a:gdLst>
                  <a:gd fmla="*/ 17 w 22" name="T0"/>
                  <a:gd fmla="*/ 0 h 48" name="T1"/>
                  <a:gd fmla="*/ 5 w 22" name="T2"/>
                  <a:gd fmla="*/ 0 h 48" name="T3"/>
                  <a:gd fmla="*/ 0 w 22" name="T4"/>
                  <a:gd fmla="*/ 5 h 48" name="T5"/>
                  <a:gd fmla="*/ 0 w 22" name="T6"/>
                  <a:gd fmla="*/ 5 h 48" name="T7"/>
                  <a:gd fmla="*/ 0 w 22" name="T8"/>
                  <a:gd fmla="*/ 6 h 48" name="T9"/>
                  <a:gd fmla="*/ 0 w 22" name="T10"/>
                  <a:gd fmla="*/ 22 h 48" name="T11"/>
                  <a:gd fmla="*/ 1 w 22" name="T12"/>
                  <a:gd fmla="*/ 24 h 48" name="T13"/>
                  <a:gd fmla="*/ 3 w 22" name="T14"/>
                  <a:gd fmla="*/ 22 h 48" name="T15"/>
                  <a:gd fmla="*/ 3 w 22" name="T16"/>
                  <a:gd fmla="*/ 8 h 48" name="T17"/>
                  <a:gd fmla="*/ 5 w 22" name="T18"/>
                  <a:gd fmla="*/ 8 h 48" name="T19"/>
                  <a:gd fmla="*/ 5 w 22" name="T20"/>
                  <a:gd fmla="*/ 21 h 48" name="T21"/>
                  <a:gd fmla="*/ 5 w 22" name="T22"/>
                  <a:gd fmla="*/ 22 h 48" name="T23"/>
                  <a:gd fmla="*/ 5 w 22" name="T24"/>
                  <a:gd fmla="*/ 46 h 48" name="T25"/>
                  <a:gd fmla="*/ 8 w 22" name="T26"/>
                  <a:gd fmla="*/ 48 h 48" name="T27"/>
                  <a:gd fmla="*/ 10 w 22" name="T28"/>
                  <a:gd fmla="*/ 46 h 48" name="T29"/>
                  <a:gd fmla="*/ 10 w 22" name="T30"/>
                  <a:gd fmla="*/ 25 h 48" name="T31"/>
                  <a:gd fmla="*/ 12 w 22" name="T32"/>
                  <a:gd fmla="*/ 25 h 48" name="T33"/>
                  <a:gd fmla="*/ 12 w 22" name="T34"/>
                  <a:gd fmla="*/ 46 h 48" name="T35"/>
                  <a:gd fmla="*/ 14 w 22" name="T36"/>
                  <a:gd fmla="*/ 48 h 48" name="T37"/>
                  <a:gd fmla="*/ 17 w 22" name="T38"/>
                  <a:gd fmla="*/ 46 h 48" name="T39"/>
                  <a:gd fmla="*/ 17 w 22" name="T40"/>
                  <a:gd fmla="*/ 21 h 48" name="T41"/>
                  <a:gd fmla="*/ 17 w 22" name="T42"/>
                  <a:gd fmla="*/ 21 h 48" name="T43"/>
                  <a:gd fmla="*/ 17 w 22" name="T44"/>
                  <a:gd fmla="*/ 8 h 48" name="T45"/>
                  <a:gd fmla="*/ 18 w 22" name="T46"/>
                  <a:gd fmla="*/ 8 h 48" name="T47"/>
                  <a:gd fmla="*/ 18 w 22" name="T48"/>
                  <a:gd fmla="*/ 22 h 48" name="T49"/>
                  <a:gd fmla="*/ 20 w 22" name="T50"/>
                  <a:gd fmla="*/ 24 h 48" name="T51"/>
                  <a:gd fmla="*/ 22 w 22" name="T52"/>
                  <a:gd fmla="*/ 22 h 48" name="T53"/>
                  <a:gd fmla="*/ 22 w 22" name="T54"/>
                  <a:gd fmla="*/ 6 h 48" name="T55"/>
                  <a:gd fmla="*/ 22 w 22" name="T56"/>
                  <a:gd fmla="*/ 5 h 48" name="T57"/>
                  <a:gd fmla="*/ 22 w 22" name="T58"/>
                  <a:gd fmla="*/ 5 h 48" name="T59"/>
                  <a:gd fmla="*/ 17 w 22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2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01" name="Oval 156"/>
              <p:cNvSpPr>
                <a:spLocks noChangeArrowheads="1"/>
              </p:cNvSpPr>
              <p:nvPr/>
            </p:nvSpPr>
            <p:spPr bwMode="auto">
              <a:xfrm>
                <a:off x="2763838" y="3190875"/>
                <a:ext cx="106363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02" name="Freeform 163"/>
              <p:cNvSpPr/>
              <p:nvPr/>
            </p:nvSpPr>
            <p:spPr bwMode="auto">
              <a:xfrm>
                <a:off x="3852863" y="3297238"/>
                <a:ext cx="246063" cy="514350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5 w 23" name="T18"/>
                  <a:gd fmla="*/ 8 h 48" name="T19"/>
                  <a:gd fmla="*/ 5 w 23" name="T20"/>
                  <a:gd fmla="*/ 21 h 48" name="T21"/>
                  <a:gd fmla="*/ 5 w 23" name="T22"/>
                  <a:gd fmla="*/ 22 h 48" name="T23"/>
                  <a:gd fmla="*/ 5 w 23" name="T24"/>
                  <a:gd fmla="*/ 46 h 48" name="T25"/>
                  <a:gd fmla="*/ 8 w 23" name="T26"/>
                  <a:gd fmla="*/ 48 h 48" name="T27"/>
                  <a:gd fmla="*/ 11 w 23" name="T28"/>
                  <a:gd fmla="*/ 46 h 48" name="T29"/>
                  <a:gd fmla="*/ 11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5 w 23" name="T36"/>
                  <a:gd fmla="*/ 48 h 48" name="T37"/>
                  <a:gd fmla="*/ 17 w 23" name="T38"/>
                  <a:gd fmla="*/ 46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103" name="Oval 164"/>
              <p:cNvSpPr>
                <a:spLocks noChangeArrowheads="1"/>
              </p:cNvSpPr>
              <p:nvPr/>
            </p:nvSpPr>
            <p:spPr bwMode="auto">
              <a:xfrm>
                <a:off x="3927476" y="3190875"/>
                <a:ext cx="96838" cy="96837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grpSp>
          <p:nvGrpSpPr>
            <p:cNvPr id="18" name="组合 17"/>
            <p:cNvGrpSpPr/>
            <p:nvPr/>
          </p:nvGrpSpPr>
          <p:grpSpPr>
            <a:xfrm>
              <a:off x="3824289" y="3140075"/>
              <a:ext cx="2276475" cy="620713"/>
              <a:chOff x="4141788" y="3190875"/>
              <a:chExt cx="2276475" cy="620713"/>
            </a:xfrm>
          </p:grpSpPr>
          <p:sp>
            <p:nvSpPr>
              <p:cNvPr id="20" name="Freeform 157"/>
              <p:cNvSpPr/>
              <p:nvPr/>
            </p:nvSpPr>
            <p:spPr bwMode="auto">
              <a:xfrm>
                <a:off x="4441826" y="3297238"/>
                <a:ext cx="244475" cy="514350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5 w 23" name="T18"/>
                  <a:gd fmla="*/ 8 h 48" name="T19"/>
                  <a:gd fmla="*/ 5 w 23" name="T20"/>
                  <a:gd fmla="*/ 21 h 48" name="T21"/>
                  <a:gd fmla="*/ 5 w 23" name="T22"/>
                  <a:gd fmla="*/ 22 h 48" name="T23"/>
                  <a:gd fmla="*/ 5 w 23" name="T24"/>
                  <a:gd fmla="*/ 46 h 48" name="T25"/>
                  <a:gd fmla="*/ 8 w 23" name="T26"/>
                  <a:gd fmla="*/ 48 h 48" name="T27"/>
                  <a:gd fmla="*/ 10 w 23" name="T28"/>
                  <a:gd fmla="*/ 46 h 48" name="T29"/>
                  <a:gd fmla="*/ 10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4 w 23" name="T36"/>
                  <a:gd fmla="*/ 48 h 48" name="T37"/>
                  <a:gd fmla="*/ 17 w 23" name="T38"/>
                  <a:gd fmla="*/ 46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19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1" name="Oval 158"/>
              <p:cNvSpPr>
                <a:spLocks noChangeArrowheads="1"/>
              </p:cNvSpPr>
              <p:nvPr/>
            </p:nvSpPr>
            <p:spPr bwMode="auto">
              <a:xfrm>
                <a:off x="4516438" y="3190875"/>
                <a:ext cx="95250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2" name="Freeform 159"/>
              <p:cNvSpPr/>
              <p:nvPr/>
            </p:nvSpPr>
            <p:spPr bwMode="auto">
              <a:xfrm>
                <a:off x="4729163" y="3297238"/>
                <a:ext cx="246063" cy="514350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5 w 23" name="T18"/>
                  <a:gd fmla="*/ 8 h 48" name="T19"/>
                  <a:gd fmla="*/ 5 w 23" name="T20"/>
                  <a:gd fmla="*/ 21 h 48" name="T21"/>
                  <a:gd fmla="*/ 5 w 23" name="T22"/>
                  <a:gd fmla="*/ 22 h 48" name="T23"/>
                  <a:gd fmla="*/ 5 w 23" name="T24"/>
                  <a:gd fmla="*/ 46 h 48" name="T25"/>
                  <a:gd fmla="*/ 8 w 23" name="T26"/>
                  <a:gd fmla="*/ 48 h 48" name="T27"/>
                  <a:gd fmla="*/ 11 w 23" name="T28"/>
                  <a:gd fmla="*/ 46 h 48" name="T29"/>
                  <a:gd fmla="*/ 11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5 w 23" name="T36"/>
                  <a:gd fmla="*/ 48 h 48" name="T37"/>
                  <a:gd fmla="*/ 17 w 23" name="T38"/>
                  <a:gd fmla="*/ 46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7" y="48"/>
                      <a:pt x="8" y="48"/>
                    </a:cubicBezTo>
                    <a:cubicBezTo>
                      <a:pt x="9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3" name="Oval 160"/>
              <p:cNvSpPr>
                <a:spLocks noChangeArrowheads="1"/>
              </p:cNvSpPr>
              <p:nvPr/>
            </p:nvSpPr>
            <p:spPr bwMode="auto">
              <a:xfrm>
                <a:off x="4803776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4" name="Freeform 161"/>
              <p:cNvSpPr/>
              <p:nvPr/>
            </p:nvSpPr>
            <p:spPr bwMode="auto">
              <a:xfrm>
                <a:off x="5018088" y="3297238"/>
                <a:ext cx="246063" cy="514350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6 h 48" name="T25"/>
                  <a:gd fmla="*/ 8 w 23" name="T26"/>
                  <a:gd fmla="*/ 48 h 48" name="T27"/>
                  <a:gd fmla="*/ 11 w 23" name="T28"/>
                  <a:gd fmla="*/ 46 h 48" name="T29"/>
                  <a:gd fmla="*/ 11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5 w 23" name="T36"/>
                  <a:gd fmla="*/ 48 h 48" name="T37"/>
                  <a:gd fmla="*/ 17 w 23" name="T38"/>
                  <a:gd fmla="*/ 46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5" name="Oval 162"/>
              <p:cNvSpPr>
                <a:spLocks noChangeArrowheads="1"/>
              </p:cNvSpPr>
              <p:nvPr/>
            </p:nvSpPr>
            <p:spPr bwMode="auto">
              <a:xfrm>
                <a:off x="5092701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6" name="Freeform 165"/>
              <p:cNvSpPr/>
              <p:nvPr/>
            </p:nvSpPr>
            <p:spPr bwMode="auto">
              <a:xfrm>
                <a:off x="4141788" y="3297238"/>
                <a:ext cx="246063" cy="514350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6 h 48" name="T25"/>
                  <a:gd fmla="*/ 8 w 23" name="T26"/>
                  <a:gd fmla="*/ 48 h 48" name="T27"/>
                  <a:gd fmla="*/ 11 w 23" name="T28"/>
                  <a:gd fmla="*/ 46 h 48" name="T29"/>
                  <a:gd fmla="*/ 11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5 w 23" name="T36"/>
                  <a:gd fmla="*/ 48 h 48" name="T37"/>
                  <a:gd fmla="*/ 17 w 23" name="T38"/>
                  <a:gd fmla="*/ 46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5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7" name="Oval 166"/>
              <p:cNvSpPr>
                <a:spLocks noChangeArrowheads="1"/>
              </p:cNvSpPr>
              <p:nvPr/>
            </p:nvSpPr>
            <p:spPr bwMode="auto">
              <a:xfrm>
                <a:off x="4216401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8" name="Freeform 167"/>
              <p:cNvSpPr/>
              <p:nvPr/>
            </p:nvSpPr>
            <p:spPr bwMode="auto">
              <a:xfrm>
                <a:off x="5883276" y="3297238"/>
                <a:ext cx="246063" cy="514350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6 h 48" name="T25"/>
                  <a:gd fmla="*/ 8 w 23" name="T26"/>
                  <a:gd fmla="*/ 48 h 48" name="T27"/>
                  <a:gd fmla="*/ 11 w 23" name="T28"/>
                  <a:gd fmla="*/ 46 h 48" name="T29"/>
                  <a:gd fmla="*/ 11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5 w 23" name="T36"/>
                  <a:gd fmla="*/ 48 h 48" name="T37"/>
                  <a:gd fmla="*/ 18 w 23" name="T38"/>
                  <a:gd fmla="*/ 46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8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4" y="48"/>
                      <a:pt x="15" y="48"/>
                    </a:cubicBezTo>
                    <a:cubicBezTo>
                      <a:pt x="16" y="48"/>
                      <a:pt x="18" y="47"/>
                      <a:pt x="18" y="46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29" name="Oval 168"/>
              <p:cNvSpPr>
                <a:spLocks noChangeArrowheads="1"/>
              </p:cNvSpPr>
              <p:nvPr/>
            </p:nvSpPr>
            <p:spPr bwMode="auto">
              <a:xfrm>
                <a:off x="5957888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30" name="Freeform 169"/>
              <p:cNvSpPr/>
              <p:nvPr/>
            </p:nvSpPr>
            <p:spPr bwMode="auto">
              <a:xfrm>
                <a:off x="6183313" y="3297238"/>
                <a:ext cx="234950" cy="514350"/>
              </a:xfrm>
              <a:custGeom>
                <a:gdLst>
                  <a:gd fmla="*/ 17 w 22" name="T0"/>
                  <a:gd fmla="*/ 0 h 48" name="T1"/>
                  <a:gd fmla="*/ 5 w 22" name="T2"/>
                  <a:gd fmla="*/ 0 h 48" name="T3"/>
                  <a:gd fmla="*/ 0 w 22" name="T4"/>
                  <a:gd fmla="*/ 5 h 48" name="T5"/>
                  <a:gd fmla="*/ 0 w 22" name="T6"/>
                  <a:gd fmla="*/ 5 h 48" name="T7"/>
                  <a:gd fmla="*/ 0 w 22" name="T8"/>
                  <a:gd fmla="*/ 6 h 48" name="T9"/>
                  <a:gd fmla="*/ 0 w 22" name="T10"/>
                  <a:gd fmla="*/ 22 h 48" name="T11"/>
                  <a:gd fmla="*/ 1 w 22" name="T12"/>
                  <a:gd fmla="*/ 24 h 48" name="T13"/>
                  <a:gd fmla="*/ 3 w 22" name="T14"/>
                  <a:gd fmla="*/ 22 h 48" name="T15"/>
                  <a:gd fmla="*/ 3 w 22" name="T16"/>
                  <a:gd fmla="*/ 8 h 48" name="T17"/>
                  <a:gd fmla="*/ 5 w 22" name="T18"/>
                  <a:gd fmla="*/ 8 h 48" name="T19"/>
                  <a:gd fmla="*/ 5 w 22" name="T20"/>
                  <a:gd fmla="*/ 21 h 48" name="T21"/>
                  <a:gd fmla="*/ 5 w 22" name="T22"/>
                  <a:gd fmla="*/ 22 h 48" name="T23"/>
                  <a:gd fmla="*/ 5 w 22" name="T24"/>
                  <a:gd fmla="*/ 46 h 48" name="T25"/>
                  <a:gd fmla="*/ 8 w 22" name="T26"/>
                  <a:gd fmla="*/ 48 h 48" name="T27"/>
                  <a:gd fmla="*/ 10 w 22" name="T28"/>
                  <a:gd fmla="*/ 46 h 48" name="T29"/>
                  <a:gd fmla="*/ 10 w 22" name="T30"/>
                  <a:gd fmla="*/ 25 h 48" name="T31"/>
                  <a:gd fmla="*/ 12 w 22" name="T32"/>
                  <a:gd fmla="*/ 25 h 48" name="T33"/>
                  <a:gd fmla="*/ 12 w 22" name="T34"/>
                  <a:gd fmla="*/ 46 h 48" name="T35"/>
                  <a:gd fmla="*/ 14 w 22" name="T36"/>
                  <a:gd fmla="*/ 48 h 48" name="T37"/>
                  <a:gd fmla="*/ 17 w 22" name="T38"/>
                  <a:gd fmla="*/ 46 h 48" name="T39"/>
                  <a:gd fmla="*/ 17 w 22" name="T40"/>
                  <a:gd fmla="*/ 21 h 48" name="T41"/>
                  <a:gd fmla="*/ 17 w 22" name="T42"/>
                  <a:gd fmla="*/ 21 h 48" name="T43"/>
                  <a:gd fmla="*/ 17 w 22" name="T44"/>
                  <a:gd fmla="*/ 8 h 48" name="T45"/>
                  <a:gd fmla="*/ 18 w 22" name="T46"/>
                  <a:gd fmla="*/ 8 h 48" name="T47"/>
                  <a:gd fmla="*/ 18 w 22" name="T48"/>
                  <a:gd fmla="*/ 22 h 48" name="T49"/>
                  <a:gd fmla="*/ 20 w 22" name="T50"/>
                  <a:gd fmla="*/ 24 h 48" name="T51"/>
                  <a:gd fmla="*/ 22 w 22" name="T52"/>
                  <a:gd fmla="*/ 22 h 48" name="T53"/>
                  <a:gd fmla="*/ 22 w 22" name="T54"/>
                  <a:gd fmla="*/ 6 h 48" name="T55"/>
                  <a:gd fmla="*/ 22 w 22" name="T56"/>
                  <a:gd fmla="*/ 5 h 48" name="T57"/>
                  <a:gd fmla="*/ 22 w 22" name="T58"/>
                  <a:gd fmla="*/ 5 h 48" name="T59"/>
                  <a:gd fmla="*/ 17 w 22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2">
                    <a:moveTo>
                      <a:pt x="1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0" y="24"/>
                      <a:pt x="1" y="24"/>
                    </a:cubicBezTo>
                    <a:cubicBezTo>
                      <a:pt x="2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1" y="24"/>
                      <a:pt x="22" y="23"/>
                      <a:pt x="22" y="22"/>
                    </a:cubicBezTo>
                    <a:cubicBezTo>
                      <a:pt x="22" y="6"/>
                      <a:pt x="22" y="6"/>
                      <a:pt x="22" y="6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5"/>
                      <a:pt x="22" y="5"/>
                      <a:pt x="22" y="5"/>
                    </a:cubicBezTo>
                    <a:cubicBezTo>
                      <a:pt x="22" y="3"/>
                      <a:pt x="20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31" name="Oval 170"/>
              <p:cNvSpPr>
                <a:spLocks noChangeArrowheads="1"/>
              </p:cNvSpPr>
              <p:nvPr/>
            </p:nvSpPr>
            <p:spPr bwMode="auto">
              <a:xfrm>
                <a:off x="6246813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32" name="Freeform 171"/>
              <p:cNvSpPr/>
              <p:nvPr/>
            </p:nvSpPr>
            <p:spPr bwMode="auto">
              <a:xfrm>
                <a:off x="5295901" y="3297238"/>
                <a:ext cx="246063" cy="514350"/>
              </a:xfrm>
              <a:custGeom>
                <a:gdLst>
                  <a:gd fmla="*/ 18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4 w 23" name="T14"/>
                  <a:gd fmla="*/ 22 h 48" name="T15"/>
                  <a:gd fmla="*/ 4 w 23" name="T16"/>
                  <a:gd fmla="*/ 8 h 48" name="T17"/>
                  <a:gd fmla="*/ 6 w 23" name="T18"/>
                  <a:gd fmla="*/ 8 h 48" name="T19"/>
                  <a:gd fmla="*/ 6 w 23" name="T20"/>
                  <a:gd fmla="*/ 21 h 48" name="T21"/>
                  <a:gd fmla="*/ 6 w 23" name="T22"/>
                  <a:gd fmla="*/ 22 h 48" name="T23"/>
                  <a:gd fmla="*/ 6 w 23" name="T24"/>
                  <a:gd fmla="*/ 46 h 48" name="T25"/>
                  <a:gd fmla="*/ 9 w 23" name="T26"/>
                  <a:gd fmla="*/ 48 h 48" name="T27"/>
                  <a:gd fmla="*/ 11 w 23" name="T28"/>
                  <a:gd fmla="*/ 46 h 48" name="T29"/>
                  <a:gd fmla="*/ 11 w 23" name="T30"/>
                  <a:gd fmla="*/ 25 h 48" name="T31"/>
                  <a:gd fmla="*/ 13 w 23" name="T32"/>
                  <a:gd fmla="*/ 25 h 48" name="T33"/>
                  <a:gd fmla="*/ 13 w 23" name="T34"/>
                  <a:gd fmla="*/ 46 h 48" name="T35"/>
                  <a:gd fmla="*/ 15 w 23" name="T36"/>
                  <a:gd fmla="*/ 48 h 48" name="T37"/>
                  <a:gd fmla="*/ 18 w 23" name="T38"/>
                  <a:gd fmla="*/ 46 h 48" name="T39"/>
                  <a:gd fmla="*/ 18 w 23" name="T40"/>
                  <a:gd fmla="*/ 21 h 48" name="T41"/>
                  <a:gd fmla="*/ 18 w 23" name="T42"/>
                  <a:gd fmla="*/ 21 h 48" name="T43"/>
                  <a:gd fmla="*/ 18 w 23" name="T44"/>
                  <a:gd fmla="*/ 8 h 48" name="T45"/>
                  <a:gd fmla="*/ 19 w 23" name="T46"/>
                  <a:gd fmla="*/ 8 h 48" name="T47"/>
                  <a:gd fmla="*/ 19 w 23" name="T48"/>
                  <a:gd fmla="*/ 22 h 48" name="T49"/>
                  <a:gd fmla="*/ 21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8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8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2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4" y="23"/>
                      <a:pt x="4" y="22"/>
                    </a:cubicBezTo>
                    <a:cubicBezTo>
                      <a:pt x="4" y="8"/>
                      <a:pt x="4" y="8"/>
                      <a:pt x="4" y="8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21"/>
                      <a:pt x="6" y="21"/>
                      <a:pt x="6" y="21"/>
                    </a:cubicBezTo>
                    <a:cubicBezTo>
                      <a:pt x="6" y="22"/>
                      <a:pt x="6" y="22"/>
                      <a:pt x="6" y="22"/>
                    </a:cubicBezTo>
                    <a:cubicBezTo>
                      <a:pt x="6" y="46"/>
                      <a:pt x="6" y="46"/>
                      <a:pt x="6" y="46"/>
                    </a:cubicBezTo>
                    <a:cubicBezTo>
                      <a:pt x="6" y="47"/>
                      <a:pt x="7" y="48"/>
                      <a:pt x="9" y="48"/>
                    </a:cubicBezTo>
                    <a:cubicBezTo>
                      <a:pt x="10" y="48"/>
                      <a:pt x="11" y="47"/>
                      <a:pt x="11" y="46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3" y="25"/>
                      <a:pt x="13" y="25"/>
                      <a:pt x="13" y="25"/>
                    </a:cubicBezTo>
                    <a:cubicBezTo>
                      <a:pt x="13" y="46"/>
                      <a:pt x="13" y="46"/>
                      <a:pt x="13" y="46"/>
                    </a:cubicBezTo>
                    <a:cubicBezTo>
                      <a:pt x="13" y="47"/>
                      <a:pt x="14" y="48"/>
                      <a:pt x="15" y="48"/>
                    </a:cubicBezTo>
                    <a:cubicBezTo>
                      <a:pt x="17" y="48"/>
                      <a:pt x="18" y="47"/>
                      <a:pt x="18" y="46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21"/>
                      <a:pt x="18" y="21"/>
                      <a:pt x="18" y="21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9" y="8"/>
                      <a:pt x="19" y="8"/>
                      <a:pt x="19" y="8"/>
                    </a:cubicBezTo>
                    <a:cubicBezTo>
                      <a:pt x="19" y="22"/>
                      <a:pt x="19" y="22"/>
                      <a:pt x="19" y="22"/>
                    </a:cubicBezTo>
                    <a:cubicBezTo>
                      <a:pt x="19" y="23"/>
                      <a:pt x="20" y="24"/>
                      <a:pt x="21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8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33" name="Oval 172"/>
              <p:cNvSpPr>
                <a:spLocks noChangeArrowheads="1"/>
              </p:cNvSpPr>
              <p:nvPr/>
            </p:nvSpPr>
            <p:spPr bwMode="auto">
              <a:xfrm>
                <a:off x="5370513" y="3190875"/>
                <a:ext cx="96838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34" name="Freeform 173"/>
              <p:cNvSpPr/>
              <p:nvPr/>
            </p:nvSpPr>
            <p:spPr bwMode="auto">
              <a:xfrm>
                <a:off x="5595938" y="3297238"/>
                <a:ext cx="244475" cy="514350"/>
              </a:xfrm>
              <a:custGeom>
                <a:gdLst>
                  <a:gd fmla="*/ 17 w 23" name="T0"/>
                  <a:gd fmla="*/ 0 h 48" name="T1"/>
                  <a:gd fmla="*/ 6 w 23" name="T2"/>
                  <a:gd fmla="*/ 0 h 48" name="T3"/>
                  <a:gd fmla="*/ 0 w 23" name="T4"/>
                  <a:gd fmla="*/ 5 h 48" name="T5"/>
                  <a:gd fmla="*/ 0 w 23" name="T6"/>
                  <a:gd fmla="*/ 5 h 48" name="T7"/>
                  <a:gd fmla="*/ 0 w 23" name="T8"/>
                  <a:gd fmla="*/ 6 h 48" name="T9"/>
                  <a:gd fmla="*/ 0 w 23" name="T10"/>
                  <a:gd fmla="*/ 22 h 48" name="T11"/>
                  <a:gd fmla="*/ 2 w 23" name="T12"/>
                  <a:gd fmla="*/ 24 h 48" name="T13"/>
                  <a:gd fmla="*/ 3 w 23" name="T14"/>
                  <a:gd fmla="*/ 22 h 48" name="T15"/>
                  <a:gd fmla="*/ 3 w 23" name="T16"/>
                  <a:gd fmla="*/ 8 h 48" name="T17"/>
                  <a:gd fmla="*/ 5 w 23" name="T18"/>
                  <a:gd fmla="*/ 8 h 48" name="T19"/>
                  <a:gd fmla="*/ 5 w 23" name="T20"/>
                  <a:gd fmla="*/ 21 h 48" name="T21"/>
                  <a:gd fmla="*/ 5 w 23" name="T22"/>
                  <a:gd fmla="*/ 22 h 48" name="T23"/>
                  <a:gd fmla="*/ 5 w 23" name="T24"/>
                  <a:gd fmla="*/ 46 h 48" name="T25"/>
                  <a:gd fmla="*/ 8 w 23" name="T26"/>
                  <a:gd fmla="*/ 48 h 48" name="T27"/>
                  <a:gd fmla="*/ 10 w 23" name="T28"/>
                  <a:gd fmla="*/ 46 h 48" name="T29"/>
                  <a:gd fmla="*/ 10 w 23" name="T30"/>
                  <a:gd fmla="*/ 25 h 48" name="T31"/>
                  <a:gd fmla="*/ 12 w 23" name="T32"/>
                  <a:gd fmla="*/ 25 h 48" name="T33"/>
                  <a:gd fmla="*/ 12 w 23" name="T34"/>
                  <a:gd fmla="*/ 46 h 48" name="T35"/>
                  <a:gd fmla="*/ 14 w 23" name="T36"/>
                  <a:gd fmla="*/ 48 h 48" name="T37"/>
                  <a:gd fmla="*/ 17 w 23" name="T38"/>
                  <a:gd fmla="*/ 46 h 48" name="T39"/>
                  <a:gd fmla="*/ 17 w 23" name="T40"/>
                  <a:gd fmla="*/ 21 h 48" name="T41"/>
                  <a:gd fmla="*/ 17 w 23" name="T42"/>
                  <a:gd fmla="*/ 21 h 48" name="T43"/>
                  <a:gd fmla="*/ 17 w 23" name="T44"/>
                  <a:gd fmla="*/ 8 h 48" name="T45"/>
                  <a:gd fmla="*/ 18 w 23" name="T46"/>
                  <a:gd fmla="*/ 8 h 48" name="T47"/>
                  <a:gd fmla="*/ 18 w 23" name="T48"/>
                  <a:gd fmla="*/ 22 h 48" name="T49"/>
                  <a:gd fmla="*/ 20 w 23" name="T50"/>
                  <a:gd fmla="*/ 24 h 48" name="T51"/>
                  <a:gd fmla="*/ 23 w 23" name="T52"/>
                  <a:gd fmla="*/ 22 h 48" name="T53"/>
                  <a:gd fmla="*/ 23 w 23" name="T54"/>
                  <a:gd fmla="*/ 6 h 48" name="T55"/>
                  <a:gd fmla="*/ 23 w 23" name="T56"/>
                  <a:gd fmla="*/ 5 h 48" name="T57"/>
                  <a:gd fmla="*/ 23 w 23" name="T58"/>
                  <a:gd fmla="*/ 5 h 48" name="T59"/>
                  <a:gd fmla="*/ 17 w 23" name="T60"/>
                  <a:gd fmla="*/ 0 h 48" name="T61"/>
                </a:gdLst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</a:cxnLst>
                <a:rect b="b" l="0" r="r" t="0"/>
                <a:pathLst>
                  <a:path h="48" w="23">
                    <a:moveTo>
                      <a:pt x="17" y="0"/>
                    </a:moveTo>
                    <a:cubicBezTo>
                      <a:pt x="6" y="0"/>
                      <a:pt x="6" y="0"/>
                      <a:pt x="6" y="0"/>
                    </a:cubicBezTo>
                    <a:cubicBezTo>
                      <a:pt x="1" y="0"/>
                      <a:pt x="0" y="4"/>
                      <a:pt x="0" y="5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23"/>
                      <a:pt x="1" y="24"/>
                      <a:pt x="2" y="24"/>
                    </a:cubicBezTo>
                    <a:cubicBezTo>
                      <a:pt x="3" y="24"/>
                      <a:pt x="3" y="23"/>
                      <a:pt x="3" y="22"/>
                    </a:cubicBezTo>
                    <a:cubicBezTo>
                      <a:pt x="3" y="8"/>
                      <a:pt x="3" y="8"/>
                      <a:pt x="3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21"/>
                      <a:pt x="5" y="21"/>
                      <a:pt x="5" y="21"/>
                    </a:cubicBezTo>
                    <a:cubicBezTo>
                      <a:pt x="5" y="22"/>
                      <a:pt x="5" y="22"/>
                      <a:pt x="5" y="22"/>
                    </a:cubicBezTo>
                    <a:cubicBezTo>
                      <a:pt x="5" y="46"/>
                      <a:pt x="5" y="46"/>
                      <a:pt x="5" y="46"/>
                    </a:cubicBezTo>
                    <a:cubicBezTo>
                      <a:pt x="5" y="47"/>
                      <a:pt x="6" y="48"/>
                      <a:pt x="8" y="48"/>
                    </a:cubicBezTo>
                    <a:cubicBezTo>
                      <a:pt x="9" y="48"/>
                      <a:pt x="10" y="47"/>
                      <a:pt x="10" y="46"/>
                    </a:cubicBezTo>
                    <a:cubicBezTo>
                      <a:pt x="10" y="25"/>
                      <a:pt x="10" y="25"/>
                      <a:pt x="10" y="25"/>
                    </a:cubicBezTo>
                    <a:cubicBezTo>
                      <a:pt x="12" y="25"/>
                      <a:pt x="12" y="25"/>
                      <a:pt x="12" y="25"/>
                    </a:cubicBezTo>
                    <a:cubicBezTo>
                      <a:pt x="12" y="46"/>
                      <a:pt x="12" y="46"/>
                      <a:pt x="12" y="46"/>
                    </a:cubicBezTo>
                    <a:cubicBezTo>
                      <a:pt x="12" y="47"/>
                      <a:pt x="13" y="48"/>
                      <a:pt x="14" y="48"/>
                    </a:cubicBezTo>
                    <a:cubicBezTo>
                      <a:pt x="16" y="48"/>
                      <a:pt x="17" y="47"/>
                      <a:pt x="17" y="46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21"/>
                      <a:pt x="17" y="21"/>
                      <a:pt x="17" y="21"/>
                    </a:cubicBezTo>
                    <a:cubicBezTo>
                      <a:pt x="17" y="8"/>
                      <a:pt x="17" y="8"/>
                      <a:pt x="17" y="8"/>
                    </a:cubicBezTo>
                    <a:cubicBezTo>
                      <a:pt x="18" y="8"/>
                      <a:pt x="18" y="8"/>
                      <a:pt x="18" y="8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9" y="24"/>
                      <a:pt x="20" y="24"/>
                    </a:cubicBezTo>
                    <a:cubicBezTo>
                      <a:pt x="22" y="24"/>
                      <a:pt x="23" y="23"/>
                      <a:pt x="23" y="22"/>
                    </a:cubicBezTo>
                    <a:cubicBezTo>
                      <a:pt x="23" y="6"/>
                      <a:pt x="23" y="6"/>
                      <a:pt x="23" y="6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5"/>
                      <a:pt x="23" y="5"/>
                      <a:pt x="23" y="5"/>
                    </a:cubicBezTo>
                    <a:cubicBezTo>
                      <a:pt x="23" y="3"/>
                      <a:pt x="21" y="0"/>
                      <a:pt x="17" y="0"/>
                    </a:cubicBezTo>
                  </a:path>
                </a:pathLst>
              </a:cu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  <p:sp>
            <p:nvSpPr>
              <p:cNvPr id="35" name="Oval 174"/>
              <p:cNvSpPr>
                <a:spLocks noChangeArrowheads="1"/>
              </p:cNvSpPr>
              <p:nvPr/>
            </p:nvSpPr>
            <p:spPr bwMode="auto">
              <a:xfrm>
                <a:off x="5670551" y="3190875"/>
                <a:ext cx="95250" cy="96837"/>
              </a:xfrm>
              <a:prstGeom prst="ellipse">
                <a:avLst/>
              </a:prstGeom>
              <a:solidFill>
                <a:srgbClr val="72706D"/>
              </a:solidFill>
              <a:ln>
                <a:noFill/>
              </a:ln>
              <a:extLst>
                <a:ext uri="{91240B29-F687-4F45-9708-019B960494DF}">
                  <a14:hiddenLine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anchor="t" anchorCtr="0" bIns="45720" compatLnSpc="1" lIns="91440" numCol="1" rIns="91440" tIns="45720" vert="horz" wrap="square">
                <a:prstTxWarp prst="textNoShape">
                  <a:avLst/>
                </a:prstTxWarp>
              </a:bodyPr>
              <a:lstStyle/>
              <a:p>
                <a:endParaRPr altLang="en-US" lang="zh-CN"/>
              </a:p>
            </p:txBody>
          </p:sp>
        </p:grpSp>
        <p:sp>
          <p:nvSpPr>
            <p:cNvPr id="19" name="Freeform 195"/>
            <p:cNvSpPr/>
            <p:nvPr/>
          </p:nvSpPr>
          <p:spPr bwMode="auto">
            <a:xfrm rot="16200000">
              <a:off x="5632258" y="2495355"/>
              <a:ext cx="1865313" cy="538552"/>
            </a:xfrm>
            <a:custGeom>
              <a:gdLst>
                <a:gd fmla="*/ 104 w 221" name="T0"/>
                <a:gd fmla="*/ 64 h 64" name="T1"/>
                <a:gd fmla="*/ 83 w 221" name="T2"/>
                <a:gd fmla="*/ 41 h 64" name="T3"/>
                <a:gd fmla="*/ 61 w 221" name="T4"/>
                <a:gd fmla="*/ 43 h 64" name="T5"/>
                <a:gd fmla="*/ 38 w 221" name="T6"/>
                <a:gd fmla="*/ 46 h 64" name="T7"/>
                <a:gd fmla="*/ 0 w 221" name="T8"/>
                <a:gd fmla="*/ 6 h 64" name="T9"/>
                <a:gd fmla="*/ 0 w 221" name="T10"/>
                <a:gd fmla="*/ 0 h 64" name="T11"/>
                <a:gd fmla="*/ 16 w 221" name="T12"/>
                <a:gd fmla="*/ 0 h 64" name="T13"/>
                <a:gd fmla="*/ 16 w 221" name="T14"/>
                <a:gd fmla="*/ 4 h 64" name="T15"/>
                <a:gd fmla="*/ 40 w 221" name="T16"/>
                <a:gd fmla="*/ 27 h 64" name="T17"/>
                <a:gd fmla="*/ 59 w 221" name="T18"/>
                <a:gd fmla="*/ 25 h 64" name="T19"/>
                <a:gd fmla="*/ 81 w 221" name="T20"/>
                <a:gd fmla="*/ 22 h 64" name="T21"/>
                <a:gd fmla="*/ 111 w 221" name="T22"/>
                <a:gd fmla="*/ 43 h 64" name="T23"/>
                <a:gd fmla="*/ 111 w 221" name="T24"/>
                <a:gd fmla="*/ 43 h 64" name="T25"/>
                <a:gd fmla="*/ 141 w 221" name="T26"/>
                <a:gd fmla="*/ 22 h 64" name="T27"/>
                <a:gd fmla="*/ 162 w 221" name="T28"/>
                <a:gd fmla="*/ 25 h 64" name="T29"/>
                <a:gd fmla="*/ 182 w 221" name="T30"/>
                <a:gd fmla="*/ 27 h 64" name="T31"/>
                <a:gd fmla="*/ 206 w 221" name="T32"/>
                <a:gd fmla="*/ 4 h 64" name="T33"/>
                <a:gd fmla="*/ 206 w 221" name="T34"/>
                <a:gd fmla="*/ 0 h 64" name="T35"/>
                <a:gd fmla="*/ 221 w 221" name="T36"/>
                <a:gd fmla="*/ 0 h 64" name="T37"/>
                <a:gd fmla="*/ 221 w 221" name="T38"/>
                <a:gd fmla="*/ 5 h 64" name="T39"/>
                <a:gd fmla="*/ 185 w 221" name="T40"/>
                <a:gd fmla="*/ 46 h 64" name="T41"/>
                <a:gd fmla="*/ 162 w 221" name="T42"/>
                <a:gd fmla="*/ 43 h 64" name="T43"/>
                <a:gd fmla="*/ 139 w 221" name="T44"/>
                <a:gd fmla="*/ 41 h 64" name="T45"/>
                <a:gd fmla="*/ 118 w 221" name="T46"/>
                <a:gd fmla="*/ 64 h 64" name="T47"/>
                <a:gd fmla="*/ 104 w 221" name="T48"/>
                <a:gd fmla="*/ 64 h 64" name="T49"/>
              </a:gdLst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</a:cxnLst>
              <a:rect b="b" l="0" r="r" t="0"/>
              <a:pathLst>
                <a:path h="64" w="221">
                  <a:moveTo>
                    <a:pt x="104" y="64"/>
                  </a:moveTo>
                  <a:cubicBezTo>
                    <a:pt x="104" y="44"/>
                    <a:pt x="92" y="42"/>
                    <a:pt x="83" y="41"/>
                  </a:cubicBezTo>
                  <a:cubicBezTo>
                    <a:pt x="76" y="41"/>
                    <a:pt x="69" y="42"/>
                    <a:pt x="61" y="43"/>
                  </a:cubicBezTo>
                  <a:cubicBezTo>
                    <a:pt x="53" y="45"/>
                    <a:pt x="46" y="46"/>
                    <a:pt x="38" y="46"/>
                  </a:cubicBezTo>
                  <a:cubicBezTo>
                    <a:pt x="10" y="46"/>
                    <a:pt x="0" y="28"/>
                    <a:pt x="0" y="6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16" y="4"/>
                    <a:pt x="16" y="4"/>
                    <a:pt x="16" y="4"/>
                  </a:cubicBezTo>
                  <a:cubicBezTo>
                    <a:pt x="16" y="20"/>
                    <a:pt x="24" y="27"/>
                    <a:pt x="40" y="27"/>
                  </a:cubicBezTo>
                  <a:cubicBezTo>
                    <a:pt x="46" y="27"/>
                    <a:pt x="53" y="25"/>
                    <a:pt x="59" y="25"/>
                  </a:cubicBezTo>
                  <a:cubicBezTo>
                    <a:pt x="66" y="24"/>
                    <a:pt x="73" y="22"/>
                    <a:pt x="81" y="22"/>
                  </a:cubicBezTo>
                  <a:cubicBezTo>
                    <a:pt x="98" y="22"/>
                    <a:pt x="108" y="30"/>
                    <a:pt x="111" y="43"/>
                  </a:cubicBezTo>
                  <a:cubicBezTo>
                    <a:pt x="111" y="43"/>
                    <a:pt x="111" y="43"/>
                    <a:pt x="111" y="43"/>
                  </a:cubicBezTo>
                  <a:cubicBezTo>
                    <a:pt x="115" y="30"/>
                    <a:pt x="124" y="22"/>
                    <a:pt x="141" y="22"/>
                  </a:cubicBezTo>
                  <a:cubicBezTo>
                    <a:pt x="149" y="22"/>
                    <a:pt x="155" y="24"/>
                    <a:pt x="162" y="25"/>
                  </a:cubicBezTo>
                  <a:cubicBezTo>
                    <a:pt x="169" y="25"/>
                    <a:pt x="176" y="27"/>
                    <a:pt x="182" y="27"/>
                  </a:cubicBezTo>
                  <a:cubicBezTo>
                    <a:pt x="197" y="27"/>
                    <a:pt x="205" y="21"/>
                    <a:pt x="206" y="4"/>
                  </a:cubicBezTo>
                  <a:cubicBezTo>
                    <a:pt x="206" y="0"/>
                    <a:pt x="206" y="0"/>
                    <a:pt x="206" y="0"/>
                  </a:cubicBezTo>
                  <a:cubicBezTo>
                    <a:pt x="221" y="0"/>
                    <a:pt x="221" y="0"/>
                    <a:pt x="221" y="0"/>
                  </a:cubicBezTo>
                  <a:cubicBezTo>
                    <a:pt x="221" y="5"/>
                    <a:pt x="221" y="5"/>
                    <a:pt x="221" y="5"/>
                  </a:cubicBezTo>
                  <a:cubicBezTo>
                    <a:pt x="221" y="29"/>
                    <a:pt x="210" y="46"/>
                    <a:pt x="185" y="46"/>
                  </a:cubicBezTo>
                  <a:cubicBezTo>
                    <a:pt x="177" y="46"/>
                    <a:pt x="170" y="45"/>
                    <a:pt x="162" y="43"/>
                  </a:cubicBezTo>
                  <a:cubicBezTo>
                    <a:pt x="154" y="42"/>
                    <a:pt x="146" y="41"/>
                    <a:pt x="139" y="41"/>
                  </a:cubicBezTo>
                  <a:cubicBezTo>
                    <a:pt x="129" y="41"/>
                    <a:pt x="118" y="44"/>
                    <a:pt x="118" y="64"/>
                  </a:cubicBezTo>
                  <a:lnTo>
                    <a:pt x="104" y="64"/>
                  </a:lnTo>
                  <a:close/>
                </a:path>
              </a:pathLst>
            </a:custGeom>
            <a:solidFill>
              <a:schemeClr val="bg1">
                <a:lumMod val="50000"/>
              </a:schemeClr>
            </a:solidFill>
            <a:ln>
              <a:noFill/>
            </a:ln>
          </p:spPr>
          <p:txBody>
            <a:bodyPr anchor="t" anchorCtr="0" bIns="45720" compatLnSpc="1" lIns="91440" numCol="1" rIns="91440" tIns="45720" vert="horz" wrap="square">
              <a:prstTxWarp prst="textNoShape">
                <a:avLst/>
              </a:prstTxWarp>
            </a:bodyPr>
            <a:lstStyle/>
            <a:p>
              <a:endParaRPr altLang="en-US" lang="zh-CN"/>
            </a:p>
          </p:txBody>
        </p:sp>
      </p:grpSp>
      <p:sp>
        <p:nvSpPr>
          <p:cNvPr id="104" name="矩形 103"/>
          <p:cNvSpPr>
            <a:spLocks noChangeArrowheads="1"/>
          </p:cNvSpPr>
          <p:nvPr/>
        </p:nvSpPr>
        <p:spPr bwMode="auto">
          <a:xfrm>
            <a:off x="8529760" y="2620421"/>
            <a:ext cx="1891499" cy="16154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>
                <a:solidFill>
                  <a:srgbClr val="FFFFFF"/>
                </a:solidFill>
              </a14:hiddenFill>
            </a:ext>
            <a:ext uri="{91240B29-F687-4F45-9708-019B960494DF}">
              <a14:hiddenLine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/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75000"/>
                    <a:lumOff val="25000"/>
                  </a:schemeClr>
                </a:solidFill>
                <a:latin typeface="Arial"/>
              </a:rPr>
              <a:t>RAPIDPPT, the leader of professional PPT designer in China. 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75000"/>
                    <a:lumOff val="25000"/>
                  </a:schemeClr>
                </a:solidFill>
                <a:latin typeface="Arial"/>
              </a:rPr>
              <a:t>5years of making professional PPT,</a:t>
            </a:r>
          </a:p>
          <a:p>
            <a:pPr>
              <a:lnSpc>
                <a:spcPts val="2000"/>
              </a:lnSpc>
            </a:pPr>
            <a:r>
              <a:rPr altLang="zh-CN" lang="en-US" sz="1200">
                <a:solidFill>
                  <a:schemeClr val="tx1">
                    <a:lumMod val="75000"/>
                    <a:lumOff val="25000"/>
                  </a:schemeClr>
                </a:solidFill>
                <a:latin typeface="Arial"/>
              </a:rPr>
              <a:t>classical PPT, </a:t>
            </a:r>
          </a:p>
        </p:txBody>
      </p: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22" presetSubtype="8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8" nodeType="withEffect" presetClass="entr" presetID="22" presetSubtype="8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dur="1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500" id="1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1" nodeType="withEffect" presetClass="entr" presetID="18" presetSubtype="6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dur="1" fill="hold" id="1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strips(downRight)" transition="in">
                                      <p:cBhvr>
                                        <p:cTn dur="1000" id="13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14" nodeType="withEffect" presetClass="entr" presetID="18" presetSubtype="6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dur="1" fill="hold" id="1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strips(downRight)" transition="in">
                                      <p:cBhvr>
                                        <p:cTn dur="750" id="16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104"/>
    </p:bldLst>
  </p:timing>
</p:sld>
</file>

<file path=ppt/slides/slide29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585393" y="2856754"/>
            <a:ext cx="650414" cy="1430200"/>
            <a:chOff x="654993" y="2109651"/>
            <a:chExt cx="650414" cy="1430200"/>
          </a:xfrm>
        </p:grpSpPr>
        <p:sp>
          <p:nvSpPr>
            <p:cNvPr id="3" name="TextBox 2"/>
            <p:cNvSpPr txBox="1"/>
            <p:nvPr/>
          </p:nvSpPr>
          <p:spPr>
            <a:xfrm rot="5400000">
              <a:off x="-123343" y="2959281"/>
              <a:ext cx="2278380" cy="57912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b="1" lang="en-US" sz="3200"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34" typeface="Franklin Gothic Book"/>
                </a:rPr>
                <a:t>Contact us</a:t>
              </a:r>
            </a:p>
          </p:txBody>
        </p:sp>
        <p:sp>
          <p:nvSpPr>
            <p:cNvPr id="4" name="矩形 3"/>
            <p:cNvSpPr/>
            <p:nvPr/>
          </p:nvSpPr>
          <p:spPr>
            <a:xfrm>
              <a:off x="654993" y="2230211"/>
              <a:ext cx="129397" cy="1198880"/>
            </a:xfrm>
            <a:prstGeom prst="rect">
              <a:avLst/>
            </a:pr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</p:grpSp>
      <p:grpSp>
        <p:nvGrpSpPr>
          <p:cNvPr id="5" name="组合 4"/>
          <p:cNvGrpSpPr/>
          <p:nvPr/>
        </p:nvGrpSpPr>
        <p:grpSpPr>
          <a:xfrm>
            <a:off x="3286320" y="2993189"/>
            <a:ext cx="4213144" cy="1250712"/>
            <a:chOff x="1355920" y="2246086"/>
            <a:chExt cx="4213144" cy="1250712"/>
          </a:xfrm>
        </p:grpSpPr>
        <p:grpSp>
          <p:nvGrpSpPr>
            <p:cNvPr id="6" name="组合 5"/>
            <p:cNvGrpSpPr/>
            <p:nvPr/>
          </p:nvGrpSpPr>
          <p:grpSpPr>
            <a:xfrm>
              <a:off x="1355920" y="2246086"/>
              <a:ext cx="4213144" cy="1250712"/>
              <a:chOff x="1355920" y="2246086"/>
              <a:chExt cx="4213144" cy="1250712"/>
            </a:xfrm>
          </p:grpSpPr>
          <p:sp>
            <p:nvSpPr>
              <p:cNvPr id="10" name="TextBox 9"/>
              <p:cNvSpPr txBox="1"/>
              <p:nvPr/>
            </p:nvSpPr>
            <p:spPr>
              <a:xfrm>
                <a:off x="1627405" y="2246086"/>
                <a:ext cx="589342" cy="36576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>
                    <a:solidFill>
                      <a:schemeClr val="bg1">
                        <a:lumMod val="50000"/>
                      </a:schemeClr>
                    </a:solidFill>
                    <a:latin charset="0" pitchFamily="34" typeface="Franklin Gothic Book"/>
                  </a:rPr>
                  <a:t>Tell:</a:t>
                </a:r>
              </a:p>
            </p:txBody>
          </p:sp>
          <p:sp>
            <p:nvSpPr>
              <p:cNvPr id="11" name="TextBox 10"/>
              <p:cNvSpPr txBox="1"/>
              <p:nvPr/>
            </p:nvSpPr>
            <p:spPr>
              <a:xfrm>
                <a:off x="1618621" y="2674642"/>
                <a:ext cx="627380" cy="36576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>
                    <a:solidFill>
                      <a:schemeClr val="bg1">
                        <a:lumMod val="50000"/>
                      </a:schemeClr>
                    </a:solidFill>
                    <a:latin charset="0" pitchFamily="34" typeface="Franklin Gothic Book"/>
                  </a:rPr>
                  <a:t>Fax:</a:t>
                </a:r>
              </a:p>
            </p:txBody>
          </p:sp>
          <p:sp>
            <p:nvSpPr>
              <p:cNvPr id="12" name="TextBox 11"/>
              <p:cNvSpPr txBox="1"/>
              <p:nvPr/>
            </p:nvSpPr>
            <p:spPr>
              <a:xfrm>
                <a:off x="1355920" y="3103198"/>
                <a:ext cx="868680" cy="365760"/>
              </a:xfrm>
              <a:prstGeom prst="rect">
                <a:avLst/>
              </a:prstGeom>
              <a:noFill/>
            </p:spPr>
            <p:txBody>
              <a:bodyPr rtlCol="0" wrap="none">
                <a:spAutoFit/>
              </a:bodyPr>
              <a:lstStyle/>
              <a:p>
                <a:r>
                  <a:rPr altLang="zh-CN" lang="en-US">
                    <a:solidFill>
                      <a:schemeClr val="bg1">
                        <a:lumMod val="50000"/>
                      </a:schemeClr>
                    </a:solidFill>
                    <a:latin charset="0" pitchFamily="34" typeface="Franklin Gothic Book"/>
                  </a:rPr>
                  <a:t>Emaill:</a:t>
                </a:r>
              </a:p>
            </p:txBody>
          </p:sp>
          <p:sp>
            <p:nvSpPr>
              <p:cNvPr id="13" name="矩形 12"/>
              <p:cNvSpPr/>
              <p:nvPr/>
            </p:nvSpPr>
            <p:spPr>
              <a:xfrm>
                <a:off x="2304769" y="2263866"/>
                <a:ext cx="3264295" cy="369332"/>
              </a:xfrm>
              <a:prstGeom prst="rect">
                <a:avLst/>
              </a:pr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14" name="矩形 13"/>
              <p:cNvSpPr/>
              <p:nvPr/>
            </p:nvSpPr>
            <p:spPr>
              <a:xfrm>
                <a:off x="2304769" y="2695666"/>
                <a:ext cx="3264295" cy="369332"/>
              </a:xfrm>
              <a:prstGeom prst="rect">
                <a:avLst/>
              </a:pr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15" name="矩形 14"/>
              <p:cNvSpPr/>
              <p:nvPr/>
            </p:nvSpPr>
            <p:spPr>
              <a:xfrm>
                <a:off x="2304769" y="3127466"/>
                <a:ext cx="3264295" cy="369332"/>
              </a:xfrm>
              <a:prstGeom prst="rect">
                <a:avLst/>
              </a:prstGeom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7" name="矩形 6"/>
            <p:cNvSpPr/>
            <p:nvPr/>
          </p:nvSpPr>
          <p:spPr>
            <a:xfrm>
              <a:off x="2434582" y="2291507"/>
              <a:ext cx="1487805" cy="34747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zh-CN" kern="0" lang="en-US" sz="14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127-8744-5959</a:t>
              </a:r>
            </a:p>
          </p:txBody>
        </p:sp>
        <p:sp>
          <p:nvSpPr>
            <p:cNvPr id="8" name="矩形 7"/>
            <p:cNvSpPr/>
            <p:nvPr/>
          </p:nvSpPr>
          <p:spPr>
            <a:xfrm>
              <a:off x="2429772" y="2715865"/>
              <a:ext cx="1487805" cy="34747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zh-CN" kern="0" lang="en-US" sz="14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127-8744-5959</a:t>
              </a:r>
            </a:p>
          </p:txBody>
        </p:sp>
        <p:sp>
          <p:nvSpPr>
            <p:cNvPr id="9" name="矩形 8"/>
            <p:cNvSpPr/>
            <p:nvPr/>
          </p:nvSpPr>
          <p:spPr>
            <a:xfrm>
              <a:off x="2429772" y="3122386"/>
              <a:ext cx="1756092" cy="34747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zh-CN" kern="0" lang="en-US" sz="1400">
                  <a:solidFill>
                    <a:schemeClr val="tx1">
                      <a:lumMod val="75000"/>
                      <a:lumOff val="25000"/>
                    </a:schemeClr>
                  </a:solidFill>
                  <a:latin charset="-122" pitchFamily="34" typeface="微软雅黑"/>
                  <a:ea charset="-122" pitchFamily="34" typeface="微软雅黑"/>
                </a:rPr>
                <a:t>mdahgf@163.com</a:t>
              </a:r>
            </a:p>
          </p:txBody>
        </p:sp>
      </p:grpSp>
      <p:sp>
        <p:nvSpPr>
          <p:cNvPr id="16" name="Freeform 11"/>
          <p:cNvSpPr>
            <a:spLocks noEditPoints="1"/>
          </p:cNvSpPr>
          <p:nvPr/>
        </p:nvSpPr>
        <p:spPr bwMode="auto">
          <a:xfrm>
            <a:off x="8118929" y="3021617"/>
            <a:ext cx="1112158" cy="1239906"/>
          </a:xfrm>
          <a:custGeom>
            <a:gdLst>
              <a:gd fmla="*/ 73 w 79" name="T0"/>
              <a:gd fmla="*/ 0 h 88" name="T1"/>
              <a:gd fmla="*/ 79 w 79" name="T2"/>
              <a:gd fmla="*/ 81 h 88" name="T3"/>
              <a:gd fmla="*/ 15 w 79" name="T4"/>
              <a:gd fmla="*/ 88 h 88" name="T5"/>
              <a:gd fmla="*/ 8 w 79" name="T6"/>
              <a:gd fmla="*/ 66 h 88" name="T7"/>
              <a:gd fmla="*/ 0 w 79" name="T8"/>
              <a:gd fmla="*/ 59 h 88" name="T9"/>
              <a:gd fmla="*/ 8 w 79" name="T10"/>
              <a:gd fmla="*/ 29 h 88" name="T11"/>
              <a:gd fmla="*/ 0 w 79" name="T12"/>
              <a:gd fmla="*/ 22 h 88" name="T13"/>
              <a:gd fmla="*/ 8 w 79" name="T14"/>
              <a:gd fmla="*/ 7 h 88" name="T15"/>
              <a:gd fmla="*/ 15 w 79" name="T16"/>
              <a:gd fmla="*/ 22 h 88" name="T17"/>
              <a:gd fmla="*/ 21 w 79" name="T18"/>
              <a:gd fmla="*/ 29 h 88" name="T19"/>
              <a:gd fmla="*/ 20 w 79" name="T20"/>
              <a:gd fmla="*/ 31 h 88" name="T21"/>
              <a:gd fmla="*/ 20 w 79" name="T22"/>
              <a:gd fmla="*/ 19 h 88" name="T23"/>
              <a:gd fmla="*/ 15 w 79" name="T24"/>
              <a:gd fmla="*/ 59 h 88" name="T25"/>
              <a:gd fmla="*/ 21 w 79" name="T26"/>
              <a:gd fmla="*/ 66 h 88" name="T27"/>
              <a:gd fmla="*/ 20 w 79" name="T28"/>
              <a:gd fmla="*/ 69 h 88" name="T29"/>
              <a:gd fmla="*/ 20 w 79" name="T30"/>
              <a:gd fmla="*/ 56 h 88" name="T31"/>
              <a:gd fmla="*/ 64 w 79" name="T32"/>
              <a:gd fmla="*/ 70 h 88" name="T33"/>
              <a:gd fmla="*/ 61 w 79" name="T34"/>
              <a:gd fmla="*/ 61 h 88" name="T35"/>
              <a:gd fmla="*/ 54 w 79" name="T36"/>
              <a:gd fmla="*/ 56 h 88" name="T37"/>
              <a:gd fmla="*/ 47 w 79" name="T38"/>
              <a:gd fmla="*/ 34 h 88" name="T39"/>
              <a:gd fmla="*/ 40 w 79" name="T40"/>
              <a:gd fmla="*/ 19 h 88" name="T41"/>
              <a:gd fmla="*/ 33 w 79" name="T42"/>
              <a:gd fmla="*/ 28 h 88" name="T43"/>
              <a:gd fmla="*/ 33 w 79" name="T44"/>
              <a:gd fmla="*/ 28 h 88" name="T45"/>
              <a:gd fmla="*/ 34 w 79" name="T46"/>
              <a:gd fmla="*/ 30 h 88" name="T47"/>
              <a:gd fmla="*/ 52 w 79" name="T48"/>
              <a:gd fmla="*/ 67 h 88" name="T49"/>
              <a:gd fmla="*/ 54 w 79" name="T50"/>
              <a:gd fmla="*/ 69 h 88" name="T51"/>
              <a:gd fmla="*/ 49 w 79" name="T52"/>
              <a:gd fmla="*/ 33 h 88" name="T53"/>
              <a:gd fmla="*/ 45 w 79" name="T54"/>
              <a:gd fmla="*/ 16 h 88" name="T55"/>
              <a:gd fmla="*/ 45 w 79" name="T56"/>
              <a:gd fmla="*/ 26 h 88" name="T57"/>
              <a:gd fmla="*/ 68 w 79" name="T58"/>
              <a:gd fmla="*/ 67 h 88" name="T59"/>
              <a:gd fmla="*/ 62 w 79" name="T60"/>
              <a:gd fmla="*/ 52 h 88" name="T61"/>
              <a:gd fmla="*/ 63 w 79" name="T62"/>
              <a:gd fmla="*/ 60 h 88" name="T63"/>
            </a:gdLst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</a:cxnLst>
            <a:rect b="b" l="0" r="r" t="0"/>
            <a:pathLst>
              <a:path h="88" w="79">
                <a:moveTo>
                  <a:pt x="15" y="0"/>
                </a:moveTo>
                <a:cubicBezTo>
                  <a:pt x="73" y="0"/>
                  <a:pt x="73" y="0"/>
                  <a:pt x="73" y="0"/>
                </a:cubicBezTo>
                <a:cubicBezTo>
                  <a:pt x="76" y="0"/>
                  <a:pt x="79" y="3"/>
                  <a:pt x="79" y="7"/>
                </a:cubicBezTo>
                <a:cubicBezTo>
                  <a:pt x="79" y="81"/>
                  <a:pt x="79" y="81"/>
                  <a:pt x="79" y="81"/>
                </a:cubicBezTo>
                <a:cubicBezTo>
                  <a:pt x="79" y="85"/>
                  <a:pt x="76" y="88"/>
                  <a:pt x="73" y="88"/>
                </a:cubicBezTo>
                <a:cubicBezTo>
                  <a:pt x="15" y="88"/>
                  <a:pt x="15" y="88"/>
                  <a:pt x="15" y="88"/>
                </a:cubicBezTo>
                <a:cubicBezTo>
                  <a:pt x="11" y="88"/>
                  <a:pt x="8" y="85"/>
                  <a:pt x="8" y="81"/>
                </a:cubicBezTo>
                <a:cubicBezTo>
                  <a:pt x="8" y="66"/>
                  <a:pt x="8" y="66"/>
                  <a:pt x="8" y="66"/>
                </a:cubicBezTo>
                <a:cubicBezTo>
                  <a:pt x="0" y="66"/>
                  <a:pt x="0" y="66"/>
                  <a:pt x="0" y="66"/>
                </a:cubicBezTo>
                <a:cubicBezTo>
                  <a:pt x="0" y="59"/>
                  <a:pt x="0" y="59"/>
                  <a:pt x="0" y="59"/>
                </a:cubicBezTo>
                <a:cubicBezTo>
                  <a:pt x="8" y="59"/>
                  <a:pt x="8" y="59"/>
                  <a:pt x="8" y="59"/>
                </a:cubicBezTo>
                <a:cubicBezTo>
                  <a:pt x="8" y="29"/>
                  <a:pt x="8" y="29"/>
                  <a:pt x="8" y="29"/>
                </a:cubicBezTo>
                <a:cubicBezTo>
                  <a:pt x="0" y="29"/>
                  <a:pt x="0" y="29"/>
                  <a:pt x="0" y="29"/>
                </a:cubicBezTo>
                <a:cubicBezTo>
                  <a:pt x="0" y="22"/>
                  <a:pt x="0" y="22"/>
                  <a:pt x="0" y="22"/>
                </a:cubicBezTo>
                <a:cubicBezTo>
                  <a:pt x="8" y="22"/>
                  <a:pt x="8" y="22"/>
                  <a:pt x="8" y="22"/>
                </a:cubicBezTo>
                <a:cubicBezTo>
                  <a:pt x="8" y="7"/>
                  <a:pt x="8" y="7"/>
                  <a:pt x="8" y="7"/>
                </a:cubicBezTo>
                <a:cubicBezTo>
                  <a:pt x="8" y="3"/>
                  <a:pt x="11" y="0"/>
                  <a:pt x="15" y="0"/>
                </a:cubicBezTo>
                <a:close/>
                <a:moveTo>
                  <a:pt x="15" y="22"/>
                </a:moveTo>
                <a:cubicBezTo>
                  <a:pt x="21" y="22"/>
                  <a:pt x="21" y="22"/>
                  <a:pt x="21" y="22"/>
                </a:cubicBezTo>
                <a:cubicBezTo>
                  <a:pt x="21" y="29"/>
                  <a:pt x="21" y="29"/>
                  <a:pt x="21" y="29"/>
                </a:cubicBezTo>
                <a:cubicBezTo>
                  <a:pt x="15" y="29"/>
                  <a:pt x="15" y="29"/>
                  <a:pt x="15" y="29"/>
                </a:cubicBezTo>
                <a:cubicBezTo>
                  <a:pt x="16" y="30"/>
                  <a:pt x="18" y="31"/>
                  <a:pt x="20" y="31"/>
                </a:cubicBezTo>
                <a:cubicBezTo>
                  <a:pt x="24" y="31"/>
                  <a:pt x="26" y="29"/>
                  <a:pt x="26" y="25"/>
                </a:cubicBezTo>
                <a:cubicBezTo>
                  <a:pt x="26" y="21"/>
                  <a:pt x="24" y="19"/>
                  <a:pt x="20" y="19"/>
                </a:cubicBezTo>
                <a:cubicBezTo>
                  <a:pt x="18" y="19"/>
                  <a:pt x="16" y="20"/>
                  <a:pt x="15" y="22"/>
                </a:cubicBezTo>
                <a:close/>
                <a:moveTo>
                  <a:pt x="15" y="59"/>
                </a:moveTo>
                <a:cubicBezTo>
                  <a:pt x="21" y="59"/>
                  <a:pt x="21" y="59"/>
                  <a:pt x="21" y="59"/>
                </a:cubicBezTo>
                <a:cubicBezTo>
                  <a:pt x="21" y="66"/>
                  <a:pt x="21" y="66"/>
                  <a:pt x="21" y="66"/>
                </a:cubicBezTo>
                <a:cubicBezTo>
                  <a:pt x="15" y="66"/>
                  <a:pt x="15" y="66"/>
                  <a:pt x="15" y="66"/>
                </a:cubicBezTo>
                <a:cubicBezTo>
                  <a:pt x="16" y="68"/>
                  <a:pt x="18" y="69"/>
                  <a:pt x="20" y="69"/>
                </a:cubicBezTo>
                <a:cubicBezTo>
                  <a:pt x="24" y="69"/>
                  <a:pt x="26" y="66"/>
                  <a:pt x="26" y="63"/>
                </a:cubicBezTo>
                <a:cubicBezTo>
                  <a:pt x="26" y="59"/>
                  <a:pt x="24" y="56"/>
                  <a:pt x="20" y="56"/>
                </a:cubicBezTo>
                <a:cubicBezTo>
                  <a:pt x="18" y="56"/>
                  <a:pt x="16" y="57"/>
                  <a:pt x="15" y="59"/>
                </a:cubicBezTo>
                <a:close/>
                <a:moveTo>
                  <a:pt x="64" y="70"/>
                </a:moveTo>
                <a:cubicBezTo>
                  <a:pt x="66" y="68"/>
                  <a:pt x="66" y="68"/>
                  <a:pt x="66" y="68"/>
                </a:cubicBezTo>
                <a:cubicBezTo>
                  <a:pt x="64" y="66"/>
                  <a:pt x="63" y="64"/>
                  <a:pt x="61" y="61"/>
                </a:cubicBezTo>
                <a:cubicBezTo>
                  <a:pt x="60" y="59"/>
                  <a:pt x="58" y="57"/>
                  <a:pt x="57" y="54"/>
                </a:cubicBezTo>
                <a:cubicBezTo>
                  <a:pt x="54" y="56"/>
                  <a:pt x="54" y="56"/>
                  <a:pt x="54" y="56"/>
                </a:cubicBezTo>
                <a:cubicBezTo>
                  <a:pt x="50" y="50"/>
                  <a:pt x="46" y="43"/>
                  <a:pt x="43" y="36"/>
                </a:cubicBezTo>
                <a:cubicBezTo>
                  <a:pt x="47" y="34"/>
                  <a:pt x="47" y="34"/>
                  <a:pt x="47" y="34"/>
                </a:cubicBezTo>
                <a:cubicBezTo>
                  <a:pt x="46" y="32"/>
                  <a:pt x="44" y="29"/>
                  <a:pt x="43" y="27"/>
                </a:cubicBezTo>
                <a:cubicBezTo>
                  <a:pt x="42" y="24"/>
                  <a:pt x="41" y="21"/>
                  <a:pt x="40" y="19"/>
                </a:cubicBezTo>
                <a:cubicBezTo>
                  <a:pt x="38" y="20"/>
                  <a:pt x="38" y="20"/>
                  <a:pt x="38" y="20"/>
                </a:cubicBezTo>
                <a:cubicBezTo>
                  <a:pt x="34" y="22"/>
                  <a:pt x="33" y="24"/>
                  <a:pt x="33" y="28"/>
                </a:cubicBezTo>
                <a:cubicBezTo>
                  <a:pt x="33" y="28"/>
                  <a:pt x="33" y="28"/>
                  <a:pt x="33" y="28"/>
                </a:cubicBezTo>
                <a:cubicBezTo>
                  <a:pt x="33" y="28"/>
                  <a:pt x="33" y="28"/>
                  <a:pt x="33" y="28"/>
                </a:cubicBezTo>
                <a:cubicBezTo>
                  <a:pt x="33" y="29"/>
                  <a:pt x="33" y="30"/>
                  <a:pt x="34" y="30"/>
                </a:cubicBezTo>
                <a:cubicBezTo>
                  <a:pt x="34" y="30"/>
                  <a:pt x="34" y="30"/>
                  <a:pt x="34" y="30"/>
                </a:cubicBezTo>
                <a:cubicBezTo>
                  <a:pt x="34" y="30"/>
                  <a:pt x="34" y="30"/>
                  <a:pt x="34" y="30"/>
                </a:cubicBezTo>
                <a:cubicBezTo>
                  <a:pt x="37" y="44"/>
                  <a:pt x="43" y="56"/>
                  <a:pt x="52" y="67"/>
                </a:cubicBezTo>
                <a:cubicBezTo>
                  <a:pt x="52" y="67"/>
                  <a:pt x="52" y="67"/>
                  <a:pt x="52" y="67"/>
                </a:cubicBezTo>
                <a:cubicBezTo>
                  <a:pt x="53" y="68"/>
                  <a:pt x="53" y="68"/>
                  <a:pt x="54" y="69"/>
                </a:cubicBezTo>
                <a:cubicBezTo>
                  <a:pt x="56" y="71"/>
                  <a:pt x="60" y="71"/>
                  <a:pt x="64" y="70"/>
                </a:cubicBezTo>
                <a:close/>
                <a:moveTo>
                  <a:pt x="49" y="33"/>
                </a:moveTo>
                <a:cubicBezTo>
                  <a:pt x="51" y="32"/>
                  <a:pt x="51" y="32"/>
                  <a:pt x="51" y="32"/>
                </a:cubicBezTo>
                <a:cubicBezTo>
                  <a:pt x="51" y="29"/>
                  <a:pt x="48" y="19"/>
                  <a:pt x="45" y="16"/>
                </a:cubicBezTo>
                <a:cubicBezTo>
                  <a:pt x="42" y="18"/>
                  <a:pt x="42" y="18"/>
                  <a:pt x="42" y="18"/>
                </a:cubicBezTo>
                <a:cubicBezTo>
                  <a:pt x="43" y="20"/>
                  <a:pt x="44" y="23"/>
                  <a:pt x="45" y="26"/>
                </a:cubicBezTo>
                <a:cubicBezTo>
                  <a:pt x="46" y="28"/>
                  <a:pt x="47" y="31"/>
                  <a:pt x="49" y="33"/>
                </a:cubicBezTo>
                <a:close/>
                <a:moveTo>
                  <a:pt x="68" y="67"/>
                </a:moveTo>
                <a:cubicBezTo>
                  <a:pt x="70" y="66"/>
                  <a:pt x="70" y="66"/>
                  <a:pt x="70" y="66"/>
                </a:cubicBezTo>
                <a:cubicBezTo>
                  <a:pt x="69" y="60"/>
                  <a:pt x="63" y="52"/>
                  <a:pt x="62" y="52"/>
                </a:cubicBezTo>
                <a:cubicBezTo>
                  <a:pt x="59" y="53"/>
                  <a:pt x="59" y="53"/>
                  <a:pt x="59" y="53"/>
                </a:cubicBezTo>
                <a:cubicBezTo>
                  <a:pt x="60" y="56"/>
                  <a:pt x="62" y="58"/>
                  <a:pt x="63" y="60"/>
                </a:cubicBezTo>
                <a:cubicBezTo>
                  <a:pt x="64" y="63"/>
                  <a:pt x="66" y="65"/>
                  <a:pt x="68" y="67"/>
                </a:cubicBezTo>
                <a:close/>
              </a:path>
            </a:pathLst>
          </a:custGeom>
          <a:solidFill>
            <a:schemeClr val="accent5">
              <a:lumMod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<a:prstTxWarp prst="textNoShape">
              <a:avLst/>
            </a:prstTxWarp>
            <a:noAutofit/>
          </a:bodyPr>
          <a:lstStyle/>
          <a:p>
            <a:pPr algn="ctr"/>
            <a:endParaRPr altLang="en-US" lang="zh-CN">
              <a:solidFill>
                <a:schemeClr val="bg1"/>
              </a:solidFill>
            </a:endParaRPr>
          </a:p>
        </p:txBody>
      </p:sp>
      <p:sp>
        <p:nvSpPr>
          <p:cNvPr id="17" name="任意多边形 16"/>
          <p:cNvSpPr/>
          <p:nvPr/>
        </p:nvSpPr>
        <p:spPr>
          <a:xfrm>
            <a:off x="7815808" y="1967666"/>
            <a:ext cx="57150" cy="3133725"/>
          </a:xfrm>
          <a:custGeom>
            <a:gdLst>
              <a:gd fmla="*/ 57150 w 57150" name="connsiteX0"/>
              <a:gd fmla="*/ 0 h 3133725" name="connsiteY0"/>
              <a:gd fmla="*/ 57150 w 57150" name="connsiteX1"/>
              <a:gd fmla="*/ 1600200 h 3133725" name="connsiteY1"/>
              <a:gd fmla="*/ 0 w 57150" name="connsiteX2"/>
              <a:gd fmla="*/ 1666875 h 3133725" name="connsiteY2"/>
              <a:gd fmla="*/ 57150 w 57150" name="connsiteX3"/>
              <a:gd fmla="*/ 1743075 h 3133725" name="connsiteY3"/>
              <a:gd fmla="*/ 57150 w 57150" name="connsiteX4"/>
              <a:gd fmla="*/ 3133725 h 3133725" name="connsiteY4"/>
            </a:gdLst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b="b" l="l" r="r" t="t"/>
            <a:pathLst>
              <a:path h="3133725" w="57150">
                <a:moveTo>
                  <a:pt x="57150" y="0"/>
                </a:moveTo>
                <a:lnTo>
                  <a:pt x="57150" y="1600200"/>
                </a:lnTo>
                <a:lnTo>
                  <a:pt x="0" y="1666875"/>
                </a:lnTo>
                <a:lnTo>
                  <a:pt x="57150" y="1743075"/>
                </a:lnTo>
                <a:lnTo>
                  <a:pt x="57150" y="3133725"/>
                </a:lnTo>
              </a:path>
            </a:pathLst>
          </a:custGeom>
          <a:noFill/>
          <a:ln w="12700"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45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100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1000" fill="hold" id="8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000" fill="hold" id="9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22" presetSubtype="8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1250" id="12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13" nodeType="withEffect" presetClass="entr" presetID="16" presetSubtype="42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dur="1" fill="hold" id="14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barn(outHorizontal)" transition="in">
                                      <p:cBhvr>
                                        <p:cTn dur="500" id="15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16" nodeType="withEffect" presetClass="entr" presetID="5" presetSubtype="10">
                                  <p:stCondLst>
                                    <p:cond delay="2500"/>
                                  </p:stCondLst>
                                  <p:childTnLst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checkerboard(across)" transition="in">
                                      <p:cBhvr>
                                        <p:cTn dur="500" id="18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16"/>
      <p:bldP grpId="0" spid="17"/>
    </p:bldLst>
  </p:timing>
</p:sld>
</file>

<file path=ppt/slides/slide3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2" name="矩形 1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<a:prstTxWarp prst="textNoShape">
              <a:avLst/>
            </a:prstTxWarp>
            <a:noAutofit/>
          </a:bodyPr>
          <a:lstStyle/>
          <a:p>
            <a:pPr algn="ctr"/>
            <a:endParaRPr altLang="en-US" lang="zh-CN"/>
          </a:p>
        </p:txBody>
      </p:sp>
      <p:sp>
        <p:nvSpPr>
          <p:cNvPr id="3" name="矩形 2"/>
          <p:cNvSpPr/>
          <p:nvPr/>
        </p:nvSpPr>
        <p:spPr>
          <a:xfrm>
            <a:off x="3329609" y="2926173"/>
            <a:ext cx="671830" cy="213360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/>
          <a:p>
            <a:r>
              <a:rPr altLang="zh-CN" lang="en-US" sz="800">
                <a:solidFill>
                  <a:schemeClr val="tx1">
                    <a:lumMod val="65000"/>
                    <a:lumOff val="35000"/>
                  </a:schemeClr>
                </a:solidFill>
                <a:latin charset="-122" pitchFamily="34" typeface="微软雅黑"/>
                <a:ea charset="-122" pitchFamily="34" typeface="微软雅黑"/>
              </a:rPr>
              <a:t>CONTENT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2290401" y="2603010"/>
            <a:ext cx="1174669" cy="640080"/>
          </a:xfrm>
          <a:prstGeom prst="rect">
            <a:avLst/>
          </a:prstGeom>
          <a:noFill/>
        </p:spPr>
        <p:txBody>
          <a:bodyPr rtlCol="0" wrap="square">
            <a:spAutoFit/>
          </a:bodyPr>
          <a:lstStyle/>
          <a:p>
            <a:r>
              <a:rPr altLang="en-US" lang="zh-CN" sz="3600">
                <a:solidFill>
                  <a:schemeClr val="tx1">
                    <a:lumMod val="65000"/>
                    <a:lumOff val="35000"/>
                  </a:schemeClr>
                </a:solidFill>
                <a:latin charset="-122" pitchFamily="65" typeface="方正综艺_GBK"/>
                <a:ea charset="-122" pitchFamily="65" typeface="方正综艺_GBK"/>
              </a:rPr>
              <a:t>目录</a:t>
            </a:r>
          </a:p>
        </p:txBody>
      </p:sp>
      <p:grpSp>
        <p:nvGrpSpPr>
          <p:cNvPr id="5" name="组合 4"/>
          <p:cNvGrpSpPr/>
          <p:nvPr/>
        </p:nvGrpSpPr>
        <p:grpSpPr>
          <a:xfrm>
            <a:off x="5322601" y="1947593"/>
            <a:ext cx="2349499" cy="2057471"/>
            <a:chOff x="3482595" y="805643"/>
            <a:chExt cx="2349499" cy="2057471"/>
          </a:xfrm>
        </p:grpSpPr>
        <p:grpSp>
          <p:nvGrpSpPr>
            <p:cNvPr id="6" name="组合 5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8" name="任意多边形 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9" name="任意多边形 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7" name="矩形 6"/>
            <p:cNvSpPr/>
            <p:nvPr/>
          </p:nvSpPr>
          <p:spPr>
            <a:xfrm rot="3269671">
              <a:off x="3704681" y="1542935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10" name="组合 9"/>
          <p:cNvGrpSpPr/>
          <p:nvPr/>
        </p:nvGrpSpPr>
        <p:grpSpPr>
          <a:xfrm>
            <a:off x="6478511" y="2011091"/>
            <a:ext cx="2349499" cy="1993973"/>
            <a:chOff x="4716310" y="869141"/>
            <a:chExt cx="2349499" cy="1993973"/>
          </a:xfrm>
        </p:grpSpPr>
        <p:grpSp>
          <p:nvGrpSpPr>
            <p:cNvPr id="11" name="组合 10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13" name="任意多边形 1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14" name="任意多边形 13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12" name="矩形 11"/>
            <p:cNvSpPr/>
            <p:nvPr/>
          </p:nvSpPr>
          <p:spPr>
            <a:xfrm rot="3257822">
              <a:off x="4983724" y="1606446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7634419" y="1972991"/>
            <a:ext cx="2349499" cy="2032072"/>
            <a:chOff x="6138710" y="831042"/>
            <a:chExt cx="2349499" cy="2032072"/>
          </a:xfrm>
        </p:grpSpPr>
        <p:grpSp>
          <p:nvGrpSpPr>
            <p:cNvPr id="16" name="组合 15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18" name="任意多边形 17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19" name="任意多边形 18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17" name="矩形 16"/>
            <p:cNvSpPr/>
            <p:nvPr/>
          </p:nvSpPr>
          <p:spPr>
            <a:xfrm rot="3279009">
              <a:off x="6360817" y="1568323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4166693" y="1972993"/>
            <a:ext cx="2349499" cy="2032071"/>
            <a:chOff x="3482595" y="831043"/>
            <a:chExt cx="2349499" cy="2032071"/>
          </a:xfrm>
        </p:grpSpPr>
        <p:grpSp>
          <p:nvGrpSpPr>
            <p:cNvPr id="21" name="组合 20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23" name="任意多边形 22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24" name="任意多边形 23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22" name="矩形 21"/>
            <p:cNvSpPr/>
            <p:nvPr/>
          </p:nvSpPr>
          <p:spPr>
            <a:xfrm rot="3273216">
              <a:off x="3679288" y="1568330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grpId="0" id="5" nodeType="withEffect" presetClass="entr" presetID="22" presetSubtype="8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left)" transition="in">
                                      <p:cBhvr>
                                        <p:cTn dur="75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8" nodeType="withEffect" presetClass="entr" presetID="12" presetSubtype="1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dur="1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10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filter="wipe(down)" transition="in">
                                      <p:cBhvr>
                                        <p:cTn dur="500" id="1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12" nodeType="withEffect" presetClass="entr" presetID="12" presetSubtype="4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dur="1" fill="hold" id="1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14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filter="wipe(up)" transition="in">
                                      <p:cBhvr>
                                        <p:cTn dur="500" id="15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6" nodeType="withEffect" presetClass="entr" presetID="2" presetSubtype="8">
                                  <p:stCondLst>
                                    <p:cond delay="1200"/>
                                  </p:stCondLst>
                                  <p:childTnLst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8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9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0" nodeType="withEffect" presetClass="entr" presetID="2" presetSubtype="8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dur="1" fill="hold" id="2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22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23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4" nodeType="withEffect" presetClass="entr" presetID="2" presetSubtype="8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dur="1" fill="hold" id="2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26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27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8" nodeType="withEffect" presetClass="entr" presetID="2" presetSubtype="8">
                                  <p:stCondLst>
                                    <p:cond delay="1800"/>
                                  </p:stCondLst>
                                  <p:childTnLst>
                                    <p:set>
                                      <p:cBhvr>
                                        <p:cTn dur="1" fill="hold" id="2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30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31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2"/>
      <p:bldP grpId="0" spid="3"/>
      <p:bldP grpId="0" spid="4"/>
    </p:bldLst>
  </p:timing>
</p:sld>
</file>

<file path=ppt/slides/slide30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19" name="组合 18"/>
          <p:cNvGrpSpPr/>
          <p:nvPr/>
        </p:nvGrpSpPr>
        <p:grpSpPr>
          <a:xfrm>
            <a:off x="5128098" y="709900"/>
            <a:ext cx="2015652" cy="2015652"/>
            <a:chOff x="3604098" y="709900"/>
            <a:chExt cx="2015652" cy="2015652"/>
          </a:xfrm>
        </p:grpSpPr>
        <p:sp>
          <p:nvSpPr>
            <p:cNvPr id="20" name="椭圆 19"/>
            <p:cNvSpPr/>
            <p:nvPr/>
          </p:nvSpPr>
          <p:spPr>
            <a:xfrm>
              <a:off x="3604098" y="709900"/>
              <a:ext cx="2015652" cy="2015652"/>
            </a:xfrm>
            <a:prstGeom prst="ellipse">
              <a:avLst/>
            </a:prstGeom>
            <a:solidFill>
              <a:schemeClr val="bg1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 sz="1400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3996804" y="1003671"/>
              <a:ext cx="1854517" cy="118872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7200">
                  <a:solidFill>
                    <a:schemeClr val="bg1"/>
                  </a:solidFill>
                  <a:latin charset="0" pitchFamily="66" typeface="Edwardian Script ITC"/>
                </a:rPr>
                <a:t>logo</a:t>
              </a:r>
            </a:p>
          </p:txBody>
        </p:sp>
      </p:grpSp>
      <p:sp>
        <p:nvSpPr>
          <p:cNvPr id="35" name="圆角矩形 8"/>
          <p:cNvSpPr/>
          <p:nvPr/>
        </p:nvSpPr>
        <p:spPr>
          <a:xfrm>
            <a:off x="2103476" y="1726310"/>
            <a:ext cx="8064896" cy="4427621"/>
          </a:xfrm>
          <a:custGeom>
            <a:rect b="b" l="l" r="r" t="t"/>
            <a:pathLst>
              <a:path h="4427621" w="8064896">
                <a:moveTo>
                  <a:pt x="309092" y="0"/>
                </a:moveTo>
                <a:lnTo>
                  <a:pt x="2862274" y="0"/>
                </a:lnTo>
                <a:cubicBezTo>
                  <a:pt x="2862274" y="646269"/>
                  <a:pt x="3386179" y="1170174"/>
                  <a:pt x="4032448" y="1170174"/>
                </a:cubicBezTo>
                <a:cubicBezTo>
                  <a:pt x="4678717" y="1170174"/>
                  <a:pt x="5202622" y="646269"/>
                  <a:pt x="5202622" y="0"/>
                </a:cubicBezTo>
                <a:lnTo>
                  <a:pt x="7755804" y="0"/>
                </a:lnTo>
                <a:cubicBezTo>
                  <a:pt x="7926511" y="0"/>
                  <a:pt x="8064896" y="138385"/>
                  <a:pt x="8064896" y="309092"/>
                </a:cubicBezTo>
                <a:lnTo>
                  <a:pt x="8064896" y="4118529"/>
                </a:lnTo>
                <a:cubicBezTo>
                  <a:pt x="8064896" y="4289236"/>
                  <a:pt x="7926511" y="4427621"/>
                  <a:pt x="7755804" y="4427621"/>
                </a:cubicBezTo>
                <a:lnTo>
                  <a:pt x="309092" y="4427621"/>
                </a:lnTo>
                <a:cubicBezTo>
                  <a:pt x="138385" y="4427621"/>
                  <a:pt x="0" y="4289236"/>
                  <a:pt x="0" y="4118529"/>
                </a:cubicBezTo>
                <a:lnTo>
                  <a:pt x="0" y="309092"/>
                </a:lnTo>
                <a:cubicBezTo>
                  <a:pt x="0" y="138385"/>
                  <a:pt x="138385" y="0"/>
                  <a:pt x="309092" y="0"/>
                </a:cubicBezTo>
                <a:close/>
              </a:path>
            </a:pathLst>
          </a:cu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36" name="圆角矩形 35"/>
          <p:cNvSpPr/>
          <p:nvPr/>
        </p:nvSpPr>
        <p:spPr>
          <a:xfrm>
            <a:off x="2982220" y="2210268"/>
            <a:ext cx="1271020" cy="61975"/>
          </a:xfrm>
          <a:prstGeom prst="roundRect">
            <a:avLst>
              <a:gd fmla="val 50000" name="adj"/>
            </a:avLst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37" name="圆角矩形 36"/>
          <p:cNvSpPr/>
          <p:nvPr/>
        </p:nvSpPr>
        <p:spPr>
          <a:xfrm>
            <a:off x="8045287" y="2210268"/>
            <a:ext cx="1271020" cy="61975"/>
          </a:xfrm>
          <a:prstGeom prst="roundRect">
            <a:avLst>
              <a:gd fmla="val 50000" name="adj"/>
            </a:avLst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grpSp>
        <p:nvGrpSpPr>
          <p:cNvPr id="39" name="组合 38"/>
          <p:cNvGrpSpPr/>
          <p:nvPr/>
        </p:nvGrpSpPr>
        <p:grpSpPr>
          <a:xfrm>
            <a:off x="2103476" y="4966651"/>
            <a:ext cx="8064896" cy="1210587"/>
            <a:chOff x="579476" y="4966650"/>
            <a:chExt cx="8064896" cy="1210587"/>
          </a:xfrm>
        </p:grpSpPr>
        <p:sp>
          <p:nvSpPr>
            <p:cNvPr id="40" name="矩形 15"/>
            <p:cNvSpPr/>
            <p:nvPr/>
          </p:nvSpPr>
          <p:spPr>
            <a:xfrm>
              <a:off x="579476" y="4966650"/>
              <a:ext cx="8064896" cy="1210587"/>
            </a:xfrm>
            <a:custGeom>
              <a:rect b="b" l="l" r="r" t="t"/>
              <a:pathLst>
                <a:path h="1512168" w="8064896">
                  <a:moveTo>
                    <a:pt x="0" y="0"/>
                  </a:moveTo>
                  <a:lnTo>
                    <a:pt x="8064896" y="0"/>
                  </a:lnTo>
                  <a:lnTo>
                    <a:pt x="8064896" y="1203076"/>
                  </a:lnTo>
                  <a:cubicBezTo>
                    <a:pt x="8064896" y="1373783"/>
                    <a:pt x="7926511" y="1512168"/>
                    <a:pt x="7755804" y="1512168"/>
                  </a:cubicBezTo>
                  <a:lnTo>
                    <a:pt x="309092" y="1512168"/>
                  </a:lnTo>
                  <a:cubicBezTo>
                    <a:pt x="138385" y="1512168"/>
                    <a:pt x="0" y="1373783"/>
                    <a:pt x="0" y="1203076"/>
                  </a:cubicBezTo>
                  <a:close/>
                </a:path>
              </a:pathLst>
            </a:custGeom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43" name="TextBox 42"/>
            <p:cNvSpPr txBox="1"/>
            <p:nvPr/>
          </p:nvSpPr>
          <p:spPr>
            <a:xfrm>
              <a:off x="3825619" y="5298259"/>
              <a:ext cx="1538468" cy="259080"/>
            </a:xfrm>
            <a:prstGeom prst="rect">
              <a:avLst/>
            </a:prstGeom>
            <a:noFill/>
          </p:spPr>
          <p:txBody>
            <a:bodyPr rtlCol="0" wrap="square">
              <a:spAutoFit/>
            </a:bodyPr>
            <a:lstStyle>
              <a:defPPr>
                <a:defRPr lang="zh-CN"/>
              </a:defPPr>
              <a:lvl1pPr>
                <a:defRPr sz="1300">
                  <a:latin charset="-122" pitchFamily="34" typeface="微软雅黑"/>
                  <a:ea charset="-122" pitchFamily="34" typeface="微软雅黑"/>
                </a:defRPr>
              </a:lvl1pPr>
            </a:lstStyle>
            <a:p>
              <a:r>
                <a:rPr altLang="zh-CN" lang="en-US" sz="1100"/>
                <a:t>Tell:127-8744-5959</a:t>
              </a:r>
            </a:p>
          </p:txBody>
        </p:sp>
        <p:sp>
          <p:nvSpPr>
            <p:cNvPr id="44" name="TextBox 43"/>
            <p:cNvSpPr txBox="1"/>
            <p:nvPr/>
          </p:nvSpPr>
          <p:spPr>
            <a:xfrm>
              <a:off x="3612314" y="5543593"/>
              <a:ext cx="1967798" cy="259080"/>
            </a:xfrm>
            <a:prstGeom prst="rect">
              <a:avLst/>
            </a:prstGeom>
            <a:noFill/>
          </p:spPr>
          <p:txBody>
            <a:bodyPr rtlCol="0" wrap="square">
              <a:spAutoFit/>
            </a:bodyPr>
            <a:lstStyle>
              <a:defPPr>
                <a:defRPr lang="zh-CN"/>
              </a:defPPr>
              <a:lvl1pPr>
                <a:defRPr sz="1300">
                  <a:latin charset="-122" pitchFamily="34" typeface="微软雅黑"/>
                  <a:ea charset="-122" pitchFamily="34" typeface="微软雅黑"/>
                </a:defRPr>
              </a:lvl1pPr>
            </a:lstStyle>
            <a:p>
              <a:r>
                <a:rPr altLang="zh-CN" lang="en-US" sz="1100"/>
                <a:t>Emaill:mdahgf@163.com</a:t>
              </a:r>
            </a:p>
          </p:txBody>
        </p:sp>
        <p:cxnSp>
          <p:nvCxnSpPr>
            <p:cNvPr id="45" name="直接连接符 44"/>
            <p:cNvCxnSpPr/>
            <p:nvPr/>
          </p:nvCxnSpPr>
          <p:spPr>
            <a:xfrm flipH="1">
              <a:off x="4560554" y="5336381"/>
              <a:ext cx="0" cy="448469"/>
            </a:xfrm>
            <a:prstGeom prst="line">
              <a:avLst/>
            </a:prstGeom>
            <a:solidFill>
              <a:schemeClr val="accent5">
                <a:lumMod val="60000"/>
                <a:lumOff val="40000"/>
              </a:schemeClr>
            </a:solidFill>
            <a:ln w="19050">
              <a:solidFill>
                <a:srgbClr val="63ADB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sp>
        <p:nvSpPr>
          <p:cNvPr id="46" name="矩形 45"/>
          <p:cNvSpPr/>
          <p:nvPr/>
        </p:nvSpPr>
        <p:spPr>
          <a:xfrm>
            <a:off x="3143672" y="0"/>
            <a:ext cx="936104" cy="220400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47" name="矩形 46"/>
          <p:cNvSpPr/>
          <p:nvPr/>
        </p:nvSpPr>
        <p:spPr>
          <a:xfrm>
            <a:off x="8212978" y="0"/>
            <a:ext cx="936104" cy="2204000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sp>
        <p:nvSpPr>
          <p:cNvPr id="2" name="TextBox 1"/>
          <p:cNvSpPr txBox="1"/>
          <p:nvPr/>
        </p:nvSpPr>
        <p:spPr>
          <a:xfrm>
            <a:off x="4176155" y="3253854"/>
            <a:ext cx="3781742" cy="1005840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defPPr>
              <a:defRPr lang="zh-CN"/>
            </a:defPPr>
            <a:lvl1pPr fontAlgn="auto">
              <a:spcBef>
                <a:spcPct val="0"/>
              </a:spcBef>
              <a:spcAft>
                <a:spcPct val="0"/>
              </a:spcAft>
              <a:defRPr sz="6000">
                <a:ln w="6350">
                  <a:noFill/>
                </a:ln>
                <a:effectLst/>
                <a:latin charset="0" pitchFamily="34" typeface="Arial Black"/>
                <a:ea charset="-122" pitchFamily="2" typeface="叶根友刀锋黑草"/>
              </a:defRPr>
            </a:lvl1pPr>
            <a:lvl2pPr eaLnBrk="0" fontAlgn="base" hangingPunct="0" indent="-285750" marL="74295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2pPr>
            <a:lvl3pPr eaLnBrk="0" fontAlgn="base" hangingPunct="0" indent="-228600" marL="11430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3pPr>
            <a:lvl4pPr eaLnBrk="0" fontAlgn="base" hangingPunct="0" indent="-228600" marL="16002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4pPr>
            <a:lvl5pPr eaLnBrk="0" fontAlgn="base" hangingPunct="0" indent="-228600" marL="20574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5pPr>
            <a:lvl6pPr eaLnBrk="0" fontAlgn="base" hangingPunct="0" indent="-228600" marL="25146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6pPr>
            <a:lvl7pPr eaLnBrk="0" fontAlgn="base" hangingPunct="0" indent="-228600" marL="29718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7pPr>
            <a:lvl8pPr eaLnBrk="0" fontAlgn="base" hangingPunct="0" indent="-228600" marL="34290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8pPr>
            <a:lvl9pPr eaLnBrk="0" fontAlgn="base" hangingPunct="0" indent="-228600" marL="3886200">
              <a:spcBef>
                <a:spcPct val="0"/>
              </a:spcBef>
              <a:spcAft>
                <a:spcPct val="0"/>
              </a:spcAft>
              <a:defRPr>
                <a:latin charset="0" pitchFamily="34" typeface="Calibri"/>
                <a:ea charset="-122" typeface="宋体"/>
              </a:defRPr>
            </a:lvl9pPr>
          </a:lstStyle>
          <a:p>
            <a:r>
              <a:rPr altLang="zh-CN" lang="en-US"/>
              <a:t>THANKS</a:t>
            </a:r>
          </a:p>
        </p:txBody>
      </p:sp>
      <p:sp>
        <p:nvSpPr>
          <p:cNvPr id="34" name="TextBox 33"/>
          <p:cNvSpPr txBox="1"/>
          <p:nvPr/>
        </p:nvSpPr>
        <p:spPr>
          <a:xfrm>
            <a:off x="4413807" y="4117867"/>
            <a:ext cx="3404999" cy="289560"/>
          </a:xfrm>
          <a:prstGeom prst="rect">
            <a:avLst/>
          </a:prstGeom>
          <a:noFill/>
        </p:spPr>
        <p:txBody>
          <a:bodyPr rtlCol="0" wrap="square">
            <a:spAutoFit/>
          </a:bodyPr>
          <a:lstStyle/>
          <a:p>
            <a:r>
              <a:rPr altLang="en-US" lang="zh-CN" sz="1300">
                <a:latin charset="-122" pitchFamily="34" typeface="微软雅黑"/>
                <a:ea charset="-122" pitchFamily="34" typeface="微软雅黑"/>
              </a:rPr>
              <a:t>适用于计划 / 汇报 / 总结等相关的ppt演示</a:t>
            </a:r>
          </a:p>
        </p:txBody>
      </p: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accel="50000" fill="hold" grpId="0" id="5" nodeType="withEffect" presetClass="entr" presetID="38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dur="455" fill="hold" id="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dur="455" fill="hold" id="8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455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autoRev="1" decel="50000" dur="156" fill="hold" id="10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136" fill="hold" id="11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grpId="0" id="12" nodeType="withEffect" presetClass="entr" presetID="12" presetSubtype="8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dur="1" fill="hold" id="1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14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#ppt_w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Effect filter="wipe(right)" transition="in">
                                      <p:cBhvr>
                                        <p:cTn dur="500" id="15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16" nodeType="withEffect" presetClass="entr" presetID="52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decel="50000" dur="1000" fill="hold" id="1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C -0.37517 0.88508 -0.02552 0.75279 0.0908 0.66613 C 0.20747 0.57948 0.21649 0.50394 0.23177 0.40825 C 0.24705 0.31256 0.22118 0.15964 0.18264 0.09152 C 0.1441 0.02341 0.03802 0 0 0" pathEditMode="relative" ptsTypes="">
                                      <p:cBhvr>
                                        <p:cTn decel="50000" dur="1000" fill="hold" id="1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filter="fade" transition="in">
                                      <p:cBhvr>
                                        <p:cTn dur="1000" id="2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21" nodeType="withEffect" presetClass="entr" presetID="23" presetSubtype="16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dur="1" fill="hold" id="2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dur="500" fill="hold" id="23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24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5" nodeType="withEffect" presetClass="emph" presetID="8" presetSubtype="0">
                                  <p:stCondLst>
                                    <p:cond delay="900"/>
                                  </p:stCondLst>
                                  <p:childTnLst>
                                    <p:animRot by="21600000">
                                      <p:cBhvr>
                                        <p:cTn dur="500" fill="hold" id="26"/>
                                        <p:tgtEl>
                                          <p:spTgt spid="19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fill="hold" id="27" nodeType="withEffect" presetClass="entr" presetID="12" presetSubtype="1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dur="1" fill="hold" id="2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id="29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filter="wipe(down)" transition="in">
                                      <p:cBhvr>
                                        <p:cTn dur="500" id="3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31" nodeType="withEffect" presetClass="entr" presetID="16" presetSubtype="21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dur="1" fill="hold" id="32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barn(inVertical)" transition="in">
                                      <p:cBhvr>
                                        <p:cTn dur="500" id="33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34" nodeType="withEffect" presetClass="entr" presetID="16" presetSubtype="21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dur="1" fill="hold" id="3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barn(inVertical)" transition="in">
                                      <p:cBhvr>
                                        <p:cTn dur="500" id="36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37" nodeType="withEffect" presetClass="entr" presetID="22" presetSubtype="4">
                                  <p:stCondLst>
                                    <p:cond delay="2250"/>
                                  </p:stCondLst>
                                  <p:childTnLst>
                                    <p:set>
                                      <p:cBhvr>
                                        <p:cTn dur="1" fill="hold" id="38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39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grpId="0" id="40" nodeType="withEffect" presetClass="entr" presetID="22" presetSubtype="4">
                                  <p:stCondLst>
                                    <p:cond delay="2250"/>
                                  </p:stCondLst>
                                  <p:childTnLst>
                                    <p:set>
                                      <p:cBhvr>
                                        <p:cTn dur="1" fill="hold" id="4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42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35"/>
      <p:bldP grpId="0" spid="36"/>
      <p:bldP grpId="0" spid="37"/>
      <p:bldP grpId="0" spid="46"/>
      <p:bldP grpId="0" spid="47"/>
      <p:bldP grpId="0" spid="2"/>
      <p:bldP grpId="0" spid="34"/>
    </p:bldLst>
  </p:timing>
</p:sld>
</file>

<file path=ppt/slides/slide31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3" name="任意多边形 2"/>
          <p:cNvSpPr/>
          <p:nvPr/>
        </p:nvSpPr>
        <p:spPr>
          <a:xfrm>
            <a:off x="2242517" y="2946258"/>
            <a:ext cx="596900" cy="656791"/>
          </a:xfrm>
          <a:custGeom>
            <a:gdLst>
              <a:gd fmla="*/ 0 w 576448" name="connsiteX0"/>
              <a:gd fmla="*/ 0 h 576263" name="connsiteY0"/>
              <a:gd fmla="*/ 575933 w 576448" name="connsiteX1"/>
              <a:gd fmla="*/ 576263 h 576263" name="connsiteY1"/>
              <a:gd fmla="*/ 576263 w 576448" name="connsiteX2"/>
              <a:gd fmla="*/ 0 h 576263" name="connsiteY2"/>
              <a:gd fmla="*/ 0 w 576448" name="connsiteX3"/>
              <a:gd fmla="*/ 0 h 576263" name="connsiteY3"/>
            </a:gdLst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b="b" l="l" r="r" t="t"/>
            <a:pathLst>
              <a:path h="576263" w="576448">
                <a:moveTo>
                  <a:pt x="0" y="0"/>
                </a:moveTo>
                <a:lnTo>
                  <a:pt x="575933" y="576263"/>
                </a:lnTo>
                <a:cubicBezTo>
                  <a:pt x="577576" y="384175"/>
                  <a:pt x="574620" y="192088"/>
                  <a:pt x="576263" y="0"/>
                </a:cubicBezTo>
                <a:lnTo>
                  <a:pt x="0" y="0"/>
                </a:lnTo>
                <a:close/>
              </a:path>
            </a:pathLst>
          </a:custGeom>
          <a:solidFill>
            <a:srgbClr val="61942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altLang="en-US" lang="zh-CN">
              <a:solidFill>
                <a:prstClr val="white"/>
              </a:solidFill>
            </a:endParaRPr>
          </a:p>
        </p:txBody>
      </p:sp>
      <p:sp>
        <p:nvSpPr>
          <p:cNvPr id="4" name="矩形 3"/>
          <p:cNvSpPr/>
          <p:nvPr/>
        </p:nvSpPr>
        <p:spPr>
          <a:xfrm>
            <a:off x="2832100" y="2949865"/>
            <a:ext cx="7835900" cy="657225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bIns="0" lIns="180000" rIns="180000" tIns="0"/>
          <a:lstStyle/>
          <a:p>
            <a:pPr algn="ctr">
              <a:defRPr/>
            </a:pPr>
            <a:r>
              <a:rPr altLang="zh-CN" lang="en-US" sz="2800">
                <a:solidFill>
                  <a:prstClr val="white"/>
                </a:solidFill>
                <a:effectLst>
                  <a:outerShdw algn="tl" blurRad="38100" dir="2700000" dist="38100">
                    <a:srgbClr val="000000">
                      <a:alpha val="43137"/>
                    </a:srgbClr>
                  </a:outerShdw>
                </a:effectLst>
                <a:latin charset="-122" pitchFamily="34" typeface="微软雅黑"/>
                <a:ea charset="-122" pitchFamily="34" typeface="微软雅黑"/>
                <a:cs charset="-128" panose="020b0604030504040204" pitchFamily="34" typeface="Meiryo"/>
              </a:rPr>
              <a:t>www.youyedoc.com  </a:t>
            </a:r>
          </a:p>
        </p:txBody>
      </p:sp>
      <p:sp>
        <p:nvSpPr>
          <p:cNvPr id="7" name="矩形 6"/>
          <p:cNvSpPr/>
          <p:nvPr/>
        </p:nvSpPr>
        <p:spPr>
          <a:xfrm>
            <a:off x="1524001" y="2182092"/>
            <a:ext cx="7788275" cy="775277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bIns="0" lIns="0" rIns="0" tIns="0"/>
          <a:lstStyle/>
          <a:p>
            <a:pPr algn="ctr">
              <a:defRPr/>
            </a:pPr>
            <a:r>
              <a:rPr altLang="en-US" lang="zh-CN" spc="200" sz="3200">
                <a:solidFill>
                  <a:srgbClr val="FFFFFF"/>
                </a:solidFill>
                <a:effectLst>
                  <a:outerShdw algn="l" blurRad="50800" dist="38100" rotWithShape="0">
                    <a:prstClr val="black">
                      <a:alpha val="40000"/>
                    </a:prstClr>
                  </a:outerShdw>
                </a:effectLst>
                <a:latin charset="-122" pitchFamily="34" typeface="微软雅黑"/>
                <a:ea charset="-122" pitchFamily="34" typeface="微软雅黑"/>
              </a:rPr>
              <a:t>    更多精品PPT资源尽在—优页PPT！</a:t>
            </a:r>
          </a:p>
        </p:txBody>
      </p:sp>
      <p:sp>
        <p:nvSpPr>
          <p:cNvPr id="6" name="直角三角形 5"/>
          <p:cNvSpPr/>
          <p:nvPr/>
        </p:nvSpPr>
        <p:spPr>
          <a:xfrm>
            <a:off x="9312275" y="2178052"/>
            <a:ext cx="888134" cy="779317"/>
          </a:xfrm>
          <a:prstGeom prst="rtTriangle">
            <a:avLst/>
          </a:prstGeom>
          <a:solidFill>
            <a:srgbClr val="007CA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altLang="en-US" lang="zh-CN">
              <a:solidFill>
                <a:prstClr val="white"/>
              </a:solidFill>
            </a:endParaRPr>
          </a:p>
        </p:txBody>
      </p:sp>
      <p:sp>
        <p:nvSpPr>
          <p:cNvPr id="12" name="矩形 11"/>
          <p:cNvSpPr/>
          <p:nvPr/>
        </p:nvSpPr>
        <p:spPr>
          <a:xfrm>
            <a:off x="2839417" y="3921022"/>
            <a:ext cx="6472858" cy="1692771"/>
          </a:xfrm>
          <a:prstGeom prst="rect">
            <a:avLst/>
          </a:prstGeom>
          <a:noFill/>
          <a:ln algn="ctr" cap="flat" cmpd="sng" w="25400">
            <a:noFill/>
            <a:prstDash val="solid"/>
          </a:ln>
          <a:effectLst/>
        </p:spPr>
        <p:txBody>
          <a:bodyPr anchor="ctr" rtlCol="0"/>
          <a:lstStyle/>
          <a:p>
            <a:pPr>
              <a:lnSpc>
                <a:spcPts val="2400"/>
              </a:lnSpc>
            </a:pPr>
            <a:r>
              <a:rPr altLang="zh-CN" kern="0" lang="en-US" sz="1100">
                <a:solidFill>
                  <a:srgbClr val="EEECE1">
                    <a:lumMod val="25000"/>
                  </a:srgbClr>
                </a:solidFill>
                <a:latin charset="-122" pitchFamily="34" typeface="微软雅黑"/>
                <a:ea charset="-122" pitchFamily="34" typeface="微软雅黑"/>
              </a:rPr>
              <a:t>PPT模板下载：www.youyedoc.com/moban/              节日PPT模板：www.youyedoc.com/jieri/</a:t>
            </a:r>
          </a:p>
          <a:p>
            <a:pPr>
              <a:lnSpc>
                <a:spcPts val="2400"/>
              </a:lnSpc>
            </a:pPr>
            <a:r>
              <a:rPr altLang="zh-CN" kern="0" lang="en-US" sz="1100">
                <a:solidFill>
                  <a:srgbClr val="EEECE1">
                    <a:lumMod val="25000"/>
                  </a:srgbClr>
                </a:solidFill>
                <a:latin charset="-122" pitchFamily="34" typeface="微软雅黑"/>
                <a:ea charset="-122" pitchFamily="34" typeface="微软雅黑"/>
              </a:rPr>
              <a:t>PPT背景图片：www.youyedoc.com/beijing/               PPT图表下载：www.youyedoc.com/tubiao/</a:t>
            </a:r>
          </a:p>
          <a:p>
            <a:pPr>
              <a:lnSpc>
                <a:spcPts val="2400"/>
              </a:lnSpc>
            </a:pPr>
            <a:r>
              <a:rPr altLang="zh-CN" kern="0" lang="en-US" sz="1100">
                <a:solidFill>
                  <a:srgbClr val="EEECE1">
                    <a:lumMod val="25000"/>
                  </a:srgbClr>
                </a:solidFill>
                <a:latin charset="-122" pitchFamily="34" typeface="微软雅黑"/>
                <a:ea charset="-122" pitchFamily="34" typeface="微软雅黑"/>
              </a:rPr>
              <a:t>PPT素材下载： www.youyedoc.com/sucai/                 PPT教程下载：www.youyedoc.com/jiaocheng/      </a:t>
            </a:r>
          </a:p>
        </p:txBody>
      </p:sp>
    </p:spTree>
    <p:extLst>
      <p:ext uri="{BB962C8B-B14F-4D97-AF65-F5344CB8AC3E}">
        <p14:creationId val="3432157829"/>
      </p:ext>
    </p:extLst>
  </p:cSld>
  <p:clrMapOvr>
    <a:masterClrMapping/>
  </p:clrMapOvr>
  <p:transition/>
  <p:timing/>
</p:sld>
</file>

<file path=ppt/slides/slide4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54" name="矩形 53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<a:prstTxWarp prst="textNoShape">
              <a:avLst/>
            </a:prstTxWarp>
            <a:noAutofit/>
          </a:bodyPr>
          <a:lstStyle/>
          <a:p>
            <a:pPr algn="ctr"/>
            <a:endParaRPr altLang="en-US" lang="zh-CN"/>
          </a:p>
        </p:txBody>
      </p:sp>
      <p:grpSp>
        <p:nvGrpSpPr>
          <p:cNvPr id="57" name="组合 56"/>
          <p:cNvGrpSpPr/>
          <p:nvPr/>
        </p:nvGrpSpPr>
        <p:grpSpPr>
          <a:xfrm>
            <a:off x="5322601" y="1947593"/>
            <a:ext cx="2349499" cy="2057471"/>
            <a:chOff x="3482595" y="805643"/>
            <a:chExt cx="2349499" cy="2057471"/>
          </a:xfrm>
        </p:grpSpPr>
        <p:grpSp>
          <p:nvGrpSpPr>
            <p:cNvPr id="58" name="组合 57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60" name="任意多边形 5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61" name="任意多边形 60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59" name="矩形 58"/>
            <p:cNvSpPr/>
            <p:nvPr/>
          </p:nvSpPr>
          <p:spPr>
            <a:xfrm rot="3269671">
              <a:off x="3704681" y="1542935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62" name="组合 61"/>
          <p:cNvGrpSpPr/>
          <p:nvPr/>
        </p:nvGrpSpPr>
        <p:grpSpPr>
          <a:xfrm>
            <a:off x="6478511" y="2011091"/>
            <a:ext cx="2349499" cy="1993973"/>
            <a:chOff x="4716310" y="869141"/>
            <a:chExt cx="2349499" cy="1993973"/>
          </a:xfrm>
        </p:grpSpPr>
        <p:grpSp>
          <p:nvGrpSpPr>
            <p:cNvPr id="63" name="组合 62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65" name="任意多边形 6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66" name="任意多边形 65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64" name="矩形 63"/>
            <p:cNvSpPr/>
            <p:nvPr/>
          </p:nvSpPr>
          <p:spPr>
            <a:xfrm rot="3257822">
              <a:off x="4983724" y="1606446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67" name="组合 66"/>
          <p:cNvGrpSpPr/>
          <p:nvPr/>
        </p:nvGrpSpPr>
        <p:grpSpPr>
          <a:xfrm>
            <a:off x="7634419" y="1972991"/>
            <a:ext cx="2349499" cy="2032072"/>
            <a:chOff x="6138710" y="831042"/>
            <a:chExt cx="2349499" cy="2032072"/>
          </a:xfrm>
        </p:grpSpPr>
        <p:grpSp>
          <p:nvGrpSpPr>
            <p:cNvPr id="68" name="组合 67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70" name="任意多边形 6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71" name="任意多边形 70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69" name="矩形 68"/>
            <p:cNvSpPr/>
            <p:nvPr/>
          </p:nvSpPr>
          <p:spPr>
            <a:xfrm rot="3279009">
              <a:off x="6360817" y="1568323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72" name="组合 71"/>
          <p:cNvGrpSpPr/>
          <p:nvPr/>
        </p:nvGrpSpPr>
        <p:grpSpPr>
          <a:xfrm>
            <a:off x="4166693" y="1972993"/>
            <a:ext cx="2349499" cy="2032071"/>
            <a:chOff x="3482595" y="831043"/>
            <a:chExt cx="2349499" cy="2032071"/>
          </a:xfrm>
        </p:grpSpPr>
        <p:grpSp>
          <p:nvGrpSpPr>
            <p:cNvPr id="73" name="组合 72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75" name="任意多边形 7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76" name="任意多边形 75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74" name="矩形 73"/>
            <p:cNvSpPr/>
            <p:nvPr/>
          </p:nvSpPr>
          <p:spPr>
            <a:xfrm rot="3273216">
              <a:off x="3679288" y="1568330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2417903" y="2940873"/>
            <a:ext cx="936104" cy="936104"/>
            <a:chOff x="971600" y="1635646"/>
            <a:chExt cx="936104" cy="936104"/>
          </a:xfrm>
        </p:grpSpPr>
        <p:sp>
          <p:nvSpPr>
            <p:cNvPr id="19" name="椭圆 18"/>
            <p:cNvSpPr/>
            <p:nvPr/>
          </p:nvSpPr>
          <p:spPr>
            <a:xfrm>
              <a:off x="971600" y="1635646"/>
              <a:ext cx="936104" cy="936104"/>
            </a:xfrm>
            <a:prstGeom prst="ellipse">
              <a:avLst/>
            </a:prstGeom>
            <a:noFill/>
            <a:ln w="19050">
              <a:solidFill>
                <a:schemeClr val="tx1">
                  <a:lumMod val="65000"/>
                  <a:lumOff val="3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>
                <a:solidFill>
                  <a:schemeClr val="bg1">
                    <a:lumMod val="50000"/>
                  </a:schemeClr>
                </a:solidFill>
              </a:endParaRP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1198917" y="1744378"/>
              <a:ext cx="462280" cy="7620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4400">
                  <a:solidFill>
                    <a:schemeClr val="tx1">
                      <a:lumMod val="65000"/>
                      <a:lumOff val="35000"/>
                    </a:schemeClr>
                  </a:solidFill>
                  <a:latin charset="-122" pitchFamily="2" typeface="方正正中黑简体"/>
                  <a:ea charset="-122" pitchFamily="2" typeface="方正正中黑简体"/>
                </a:rPr>
                <a:t>1</a:t>
              </a:r>
            </a:p>
          </p:txBody>
        </p:sp>
      </p:grpSp>
      <p:grpSp>
        <p:nvGrpSpPr>
          <p:cNvPr id="77" name="组合 76"/>
          <p:cNvGrpSpPr/>
          <p:nvPr/>
        </p:nvGrpSpPr>
        <p:grpSpPr>
          <a:xfrm>
            <a:off x="4169833" y="2066547"/>
            <a:ext cx="2829559" cy="2617822"/>
            <a:chOff x="2171701" y="934519"/>
            <a:chExt cx="2829559" cy="2617822"/>
          </a:xfrm>
        </p:grpSpPr>
        <p:grpSp>
          <p:nvGrpSpPr>
            <p:cNvPr id="78" name="组合 77"/>
            <p:cNvGrpSpPr/>
            <p:nvPr/>
          </p:nvGrpSpPr>
          <p:grpSpPr>
            <a:xfrm>
              <a:off x="2171701" y="939799"/>
              <a:ext cx="2829559" cy="2612542"/>
              <a:chOff x="2171701" y="939799"/>
              <a:chExt cx="2829559" cy="2612542"/>
            </a:xfrm>
          </p:grpSpPr>
          <p:sp>
            <p:nvSpPr>
              <p:cNvPr id="80" name="任意多边形 7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30969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30969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30969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30969" y="0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81" name="任意多边形 80"/>
              <p:cNvSpPr/>
              <p:nvPr/>
            </p:nvSpPr>
            <p:spPr>
              <a:xfrm>
                <a:off x="2298700" y="939799"/>
                <a:ext cx="2702560" cy="2612542"/>
              </a:xfrm>
              <a:custGeom>
                <a:gdLst>
                  <a:gd fmla="*/ 0 w 2702560" name="connsiteX0"/>
                  <a:gd fmla="*/ 0 h 1907295" name="connsiteY0"/>
                  <a:gd fmla="*/ 1898968 w 2702560" name="connsiteX1"/>
                  <a:gd fmla="*/ 1907295 h 1907295" name="connsiteY1"/>
                  <a:gd fmla="*/ 2702560 w 2702560" name="connsiteX2"/>
                  <a:gd fmla="*/ 1904654 h 1907295" name="connsiteY2"/>
                  <a:gd fmla="*/ 825500 w 2702560" name="connsiteX3"/>
                  <a:gd fmla="*/ 0 h 1907295" name="connsiteY3"/>
                  <a:gd fmla="*/ 0 w 2702560" name="connsiteX4"/>
                  <a:gd fmla="*/ 0 h 1907295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907295" w="2702560">
                    <a:moveTo>
                      <a:pt x="0" y="0"/>
                    </a:moveTo>
                    <a:lnTo>
                      <a:pt x="1898968" y="1907295"/>
                    </a:lnTo>
                    <a:lnTo>
                      <a:pt x="2702560" y="1904654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79" name="矩形 78"/>
            <p:cNvSpPr/>
            <p:nvPr/>
          </p:nvSpPr>
          <p:spPr>
            <a:xfrm rot="3329058">
              <a:off x="2403085" y="1875295"/>
              <a:ext cx="22148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标题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xit" presetID="2" presetSubtype="2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dur="500" id="6"/>
                                        <p:tgtEl>
                                          <p:spTgt spid="7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id="7"/>
                                        <p:tgtEl>
                                          <p:spTgt spid="7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dur="1" fill="hold" id="8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fill="hold" id="9" nodeType="withEffect" presetClass="entr" presetID="2" presetSubtype="8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1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1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2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3" nodeType="withEffect" presetClass="entr" presetID="45" presetSubtype="0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dur="1" fill="hold" id="14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500" id="15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500" fill="hold" id="16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17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1524000" y="588692"/>
            <a:ext cx="3026771" cy="449319"/>
            <a:chOff x="-1" y="588691"/>
            <a:chExt cx="3026771" cy="449319"/>
          </a:xfrm>
        </p:grpSpPr>
        <p:sp>
          <p:nvSpPr>
            <p:cNvPr id="3" name="矩形 1"/>
            <p:cNvSpPr/>
            <p:nvPr/>
          </p:nvSpPr>
          <p:spPr>
            <a:xfrm>
              <a:off x="-1" y="588691"/>
              <a:ext cx="3026771" cy="449319"/>
            </a:xfrm>
            <a:custGeom>
              <a:gdLst>
                <a:gd fmla="*/ 0 w 2849910" name="connsiteX0"/>
                <a:gd fmla="*/ 0 h 484751" name="connsiteY0"/>
                <a:gd fmla="*/ 2411760 w 2849910" name="connsiteX1"/>
                <a:gd fmla="*/ 0 h 484751" name="connsiteY1"/>
                <a:gd fmla="*/ 2849910 w 2849910" name="connsiteX2"/>
                <a:gd fmla="*/ 484751 h 484751" name="connsiteY2"/>
                <a:gd fmla="*/ 0 w 2849910" name="connsiteX3"/>
                <a:gd fmla="*/ 484751 h 484751" name="connsiteY3"/>
                <a:gd fmla="*/ 0 w 2849910" name="connsiteX4"/>
                <a:gd fmla="*/ 0 h 484751" name="connsiteY4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b="b" l="l" r="r" t="t"/>
              <a:pathLst>
                <a:path h="484751" w="2849910">
                  <a:moveTo>
                    <a:pt x="0" y="0"/>
                  </a:moveTo>
                  <a:lnTo>
                    <a:pt x="2411760" y="0"/>
                  </a:lnTo>
                  <a:lnTo>
                    <a:pt x="2849910" y="484751"/>
                  </a:lnTo>
                  <a:lnTo>
                    <a:pt x="0" y="48475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4" name="矩形 3"/>
            <p:cNvSpPr/>
            <p:nvPr/>
          </p:nvSpPr>
          <p:spPr>
            <a:xfrm>
              <a:off x="240819" y="658342"/>
              <a:ext cx="22148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标题</a:t>
              </a:r>
            </a:p>
          </p:txBody>
        </p:sp>
      </p:grpSp>
      <p:sp>
        <p:nvSpPr>
          <p:cNvPr id="5" name="矩形 2"/>
          <p:cNvSpPr/>
          <p:nvPr/>
        </p:nvSpPr>
        <p:spPr>
          <a:xfrm>
            <a:off x="2321689" y="3155487"/>
            <a:ext cx="7411452" cy="504056"/>
          </a:xfrm>
          <a:custGeom>
            <a:gdLst>
              <a:gd fmla="*/ 0 w 7411452" name="connsiteX0"/>
              <a:gd fmla="*/ 0 h 504056" name="connsiteY0"/>
              <a:gd fmla="*/ 7099546 w 7411452" name="connsiteX1"/>
              <a:gd fmla="*/ 0 h 504056" name="connsiteY1"/>
              <a:gd fmla="*/ 7411452 w 7411452" name="connsiteX2"/>
              <a:gd fmla="*/ 246318 h 504056" name="connsiteY2"/>
              <a:gd fmla="*/ 7099546 w 7411452" name="connsiteX3"/>
              <a:gd fmla="*/ 504056 h 504056" name="connsiteY3"/>
              <a:gd fmla="*/ 0 w 7411452" name="connsiteX4"/>
              <a:gd fmla="*/ 504056 h 504056" name="connsiteY4"/>
              <a:gd fmla="*/ 0 w 7411452" name="connsiteX5"/>
              <a:gd fmla="*/ 0 h 504056" name="connsiteY5"/>
            </a:gdLst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b="b" l="l" r="r" t="t"/>
            <a:pathLst>
              <a:path h="504056" w="7411452">
                <a:moveTo>
                  <a:pt x="0" y="0"/>
                </a:moveTo>
                <a:lnTo>
                  <a:pt x="7099546" y="0"/>
                </a:lnTo>
                <a:lnTo>
                  <a:pt x="7411452" y="246318"/>
                </a:lnTo>
                <a:lnTo>
                  <a:pt x="7099546" y="504056"/>
                </a:lnTo>
                <a:lnTo>
                  <a:pt x="0" y="504056"/>
                </a:lnTo>
                <a:lnTo>
                  <a:pt x="0" y="0"/>
                </a:lnTo>
                <a:close/>
              </a:path>
            </a:pathLst>
          </a:custGeom>
          <a:solidFill>
            <a:srgbClr val="9DB9B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rtlCol="0"/>
          <a:lstStyle/>
          <a:p>
            <a:pPr algn="ctr"/>
            <a:endParaRPr altLang="en-US" lang="zh-CN"/>
          </a:p>
        </p:txBody>
      </p:sp>
      <p:grpSp>
        <p:nvGrpSpPr>
          <p:cNvPr id="6" name="组合 5"/>
          <p:cNvGrpSpPr/>
          <p:nvPr/>
        </p:nvGrpSpPr>
        <p:grpSpPr>
          <a:xfrm>
            <a:off x="3316113" y="2283290"/>
            <a:ext cx="1152128" cy="2335267"/>
            <a:chOff x="1792113" y="1593478"/>
            <a:chExt cx="1152128" cy="2335267"/>
          </a:xfrm>
        </p:grpSpPr>
        <p:sp>
          <p:nvSpPr>
            <p:cNvPr id="7" name="椭圆 6"/>
            <p:cNvSpPr/>
            <p:nvPr/>
          </p:nvSpPr>
          <p:spPr>
            <a:xfrm>
              <a:off x="1792113" y="2141640"/>
              <a:ext cx="1152128" cy="1152128"/>
            </a:xfrm>
            <a:prstGeom prst="ellipse">
              <a:avLst/>
            </a:prstGeom>
            <a:solidFill>
              <a:srgbClr val="9DB9B6"/>
            </a:solidFill>
            <a:ln w="762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r>
                <a:rPr altLang="zh-CN" lang="en-US" sz="2800">
                  <a:latin charset="-122" pitchFamily="65" typeface="方正超粗黑简体"/>
                  <a:ea charset="-122" pitchFamily="65" typeface="方正超粗黑简体"/>
                </a:rPr>
                <a:t>1</a:t>
              </a:r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2009428" y="1593478"/>
              <a:ext cx="640080" cy="36576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>
                  <a:solidFill>
                    <a:schemeClr val="bg1">
                      <a:lumMod val="50000"/>
                    </a:schemeClr>
                  </a:solidFill>
                  <a:latin charset="-122" pitchFamily="2" typeface="方正正中黑简体"/>
                  <a:ea charset="-122" pitchFamily="2" typeface="方正正中黑简体"/>
                </a:rPr>
                <a:t>2011</a:t>
              </a:r>
            </a:p>
          </p:txBody>
        </p:sp>
        <p:grpSp>
          <p:nvGrpSpPr>
            <p:cNvPr id="9" name="组合 8"/>
            <p:cNvGrpSpPr/>
            <p:nvPr/>
          </p:nvGrpSpPr>
          <p:grpSpPr>
            <a:xfrm>
              <a:off x="1826685" y="3435846"/>
              <a:ext cx="1107996" cy="492899"/>
              <a:chOff x="1839385" y="3435846"/>
              <a:chExt cx="1107996" cy="492899"/>
            </a:xfrm>
          </p:grpSpPr>
          <p:sp>
            <p:nvSpPr>
              <p:cNvPr id="10" name="矩形 9"/>
              <p:cNvSpPr/>
              <p:nvPr/>
            </p:nvSpPr>
            <p:spPr>
              <a:xfrm>
                <a:off x="1844743" y="3435846"/>
                <a:ext cx="1097280" cy="27432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altLang="en-US" kern="0" lang="zh-CN" sz="1200">
                    <a:solidFill>
                      <a:schemeClr val="bg1">
                        <a:lumMod val="50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  <p:sp>
            <p:nvSpPr>
              <p:cNvPr id="11" name="矩形 10"/>
              <p:cNvSpPr/>
              <p:nvPr/>
            </p:nvSpPr>
            <p:spPr>
              <a:xfrm>
                <a:off x="1844743" y="3651746"/>
                <a:ext cx="1097280" cy="27432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altLang="en-US" kern="0" lang="zh-CN" sz="1200">
                    <a:solidFill>
                      <a:schemeClr val="bg1">
                        <a:lumMod val="50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</p:grpSp>
      </p:grpSp>
      <p:grpSp>
        <p:nvGrpSpPr>
          <p:cNvPr id="12" name="组合 11"/>
          <p:cNvGrpSpPr/>
          <p:nvPr/>
        </p:nvGrpSpPr>
        <p:grpSpPr>
          <a:xfrm>
            <a:off x="5374221" y="2283290"/>
            <a:ext cx="1154560" cy="2335267"/>
            <a:chOff x="3850221" y="1593478"/>
            <a:chExt cx="1154560" cy="2335267"/>
          </a:xfrm>
        </p:grpSpPr>
        <p:sp>
          <p:nvSpPr>
            <p:cNvPr id="13" name="椭圆 12"/>
            <p:cNvSpPr/>
            <p:nvPr/>
          </p:nvSpPr>
          <p:spPr>
            <a:xfrm>
              <a:off x="3850221" y="2141640"/>
              <a:ext cx="1152128" cy="1152128"/>
            </a:xfrm>
            <a:prstGeom prst="ellipse">
              <a:avLst/>
            </a:prstGeom>
            <a:solidFill>
              <a:srgbClr val="9DB9B6"/>
            </a:solidFill>
            <a:ln w="762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r>
                <a:rPr altLang="zh-CN" lang="en-US" sz="2800">
                  <a:latin charset="-122" pitchFamily="65" typeface="方正超粗黑简体"/>
                  <a:ea charset="-122" pitchFamily="65" typeface="方正超粗黑简体"/>
                </a:rPr>
                <a:t>2</a:t>
              </a:r>
            </a:p>
          </p:txBody>
        </p:sp>
        <p:sp>
          <p:nvSpPr>
            <p:cNvPr id="14" name="TextBox 13"/>
            <p:cNvSpPr txBox="1"/>
            <p:nvPr/>
          </p:nvSpPr>
          <p:spPr>
            <a:xfrm>
              <a:off x="4028729" y="1593478"/>
              <a:ext cx="640080" cy="36576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>
                  <a:solidFill>
                    <a:schemeClr val="bg1">
                      <a:lumMod val="50000"/>
                    </a:schemeClr>
                  </a:solidFill>
                  <a:latin charset="-122" pitchFamily="2" typeface="方正正中黑简体"/>
                  <a:ea charset="-122" pitchFamily="2" typeface="方正正中黑简体"/>
                </a:rPr>
                <a:t>2012</a:t>
              </a:r>
            </a:p>
          </p:txBody>
        </p:sp>
        <p:grpSp>
          <p:nvGrpSpPr>
            <p:cNvPr id="15" name="组合 14"/>
            <p:cNvGrpSpPr/>
            <p:nvPr/>
          </p:nvGrpSpPr>
          <p:grpSpPr>
            <a:xfrm>
              <a:off x="3896785" y="3435846"/>
              <a:ext cx="1107996" cy="492899"/>
              <a:chOff x="1839385" y="3435846"/>
              <a:chExt cx="1107996" cy="492899"/>
            </a:xfrm>
          </p:grpSpPr>
          <p:sp>
            <p:nvSpPr>
              <p:cNvPr id="16" name="矩形 15"/>
              <p:cNvSpPr/>
              <p:nvPr/>
            </p:nvSpPr>
            <p:spPr>
              <a:xfrm>
                <a:off x="1844743" y="3435846"/>
                <a:ext cx="1097280" cy="27432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altLang="en-US" kern="0" lang="zh-CN" sz="1200">
                    <a:solidFill>
                      <a:schemeClr val="bg1">
                        <a:lumMod val="50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  <p:sp>
            <p:nvSpPr>
              <p:cNvPr id="17" name="矩形 16"/>
              <p:cNvSpPr/>
              <p:nvPr/>
            </p:nvSpPr>
            <p:spPr>
              <a:xfrm>
                <a:off x="1844743" y="3651746"/>
                <a:ext cx="1097280" cy="27432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altLang="en-US" kern="0" lang="zh-CN" sz="1200">
                    <a:solidFill>
                      <a:schemeClr val="bg1">
                        <a:lumMod val="50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</p:grpSp>
      </p:grpSp>
      <p:grpSp>
        <p:nvGrpSpPr>
          <p:cNvPr id="18" name="组合 17"/>
          <p:cNvGrpSpPr/>
          <p:nvPr/>
        </p:nvGrpSpPr>
        <p:grpSpPr>
          <a:xfrm>
            <a:off x="7432329" y="2283290"/>
            <a:ext cx="1152128" cy="2335267"/>
            <a:chOff x="5908329" y="1593478"/>
            <a:chExt cx="1152128" cy="2335267"/>
          </a:xfrm>
        </p:grpSpPr>
        <p:sp>
          <p:nvSpPr>
            <p:cNvPr id="19" name="椭圆 18"/>
            <p:cNvSpPr/>
            <p:nvPr/>
          </p:nvSpPr>
          <p:spPr>
            <a:xfrm>
              <a:off x="5908329" y="2141640"/>
              <a:ext cx="1152128" cy="1152128"/>
            </a:xfrm>
            <a:prstGeom prst="ellipse">
              <a:avLst/>
            </a:prstGeom>
            <a:solidFill>
              <a:schemeClr val="accent5">
                <a:lumMod val="50000"/>
              </a:schemeClr>
            </a:solidFill>
            <a:ln w="762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r>
                <a:rPr altLang="zh-CN" lang="en-US" sz="2800">
                  <a:solidFill>
                    <a:schemeClr val="bg1"/>
                  </a:solidFill>
                  <a:latin charset="-122" pitchFamily="65" typeface="方正超粗黑简体"/>
                  <a:ea charset="-122" pitchFamily="65" typeface="方正超粗黑简体"/>
                </a:rPr>
                <a:t>3</a:t>
              </a: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6078789" y="1593478"/>
              <a:ext cx="640080" cy="36576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>
                  <a:latin charset="-122" pitchFamily="2" typeface="方正正中黑简体"/>
                  <a:ea charset="-122" pitchFamily="2" typeface="方正正中黑简体"/>
                </a:rPr>
                <a:t>2013</a:t>
              </a:r>
            </a:p>
          </p:txBody>
        </p:sp>
        <p:grpSp>
          <p:nvGrpSpPr>
            <p:cNvPr id="21" name="组合 20"/>
            <p:cNvGrpSpPr/>
            <p:nvPr/>
          </p:nvGrpSpPr>
          <p:grpSpPr>
            <a:xfrm>
              <a:off x="5916085" y="3435846"/>
              <a:ext cx="1107996" cy="492899"/>
              <a:chOff x="1839385" y="3435846"/>
              <a:chExt cx="1107996" cy="492899"/>
            </a:xfrm>
          </p:grpSpPr>
          <p:sp>
            <p:nvSpPr>
              <p:cNvPr id="22" name="矩形 21"/>
              <p:cNvSpPr/>
              <p:nvPr/>
            </p:nvSpPr>
            <p:spPr>
              <a:xfrm>
                <a:off x="1844744" y="3435846"/>
                <a:ext cx="1097280" cy="27432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altLang="en-US" kern="0" lang="zh-CN" sz="1200"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  <p:sp>
            <p:nvSpPr>
              <p:cNvPr id="23" name="矩形 22"/>
              <p:cNvSpPr/>
              <p:nvPr/>
            </p:nvSpPr>
            <p:spPr>
              <a:xfrm>
                <a:off x="1844744" y="3651746"/>
                <a:ext cx="1097280" cy="274320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pPr algn="just"/>
                <a:r>
                  <a:rPr altLang="en-US" kern="0" lang="zh-CN" sz="1200"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</p:grp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grpId="0" id="5" nodeType="withEffect" presetClass="entr" presetID="2" presetSubtype="8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7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8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9" nodeType="withEffect" presetClass="entr" presetID="45" presetSubtype="0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dur="1" fill="hold" id="1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2000" id="11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2000" fill="hold" id="12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2000" fill="hold" id="13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4" nodeType="withEffect" presetClass="entr" presetID="45" presetSubtype="0">
                                  <p:stCondLst>
                                    <p:cond delay="700"/>
                                  </p:stCondLst>
                                  <p:childTnLst>
                                    <p:set>
                                      <p:cBhvr>
                                        <p:cTn dur="1" fill="hold" id="1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2000" id="16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2000" fill="hold" id="17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2000" fill="hold" id="18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9" nodeType="withEffect" presetClass="entr" presetID="45" presetSubtype="0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dur="1" fill="hold" id="2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2000" id="2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2000" fill="hold" id="22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2000" fill="hold" id="23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  <p:bldLst>
      <p:bldP grpId="0" spid="5"/>
    </p:bldLst>
  </p:timing>
</p:sld>
</file>

<file path=ppt/slides/slide6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4379775" y="1828704"/>
            <a:ext cx="5571232" cy="3218157"/>
            <a:chOff x="1669334" y="1124817"/>
            <a:chExt cx="5571232" cy="3218157"/>
          </a:xfrm>
        </p:grpSpPr>
        <p:grpSp>
          <p:nvGrpSpPr>
            <p:cNvPr id="3" name="组合 2"/>
            <p:cNvGrpSpPr/>
            <p:nvPr/>
          </p:nvGrpSpPr>
          <p:grpSpPr>
            <a:xfrm>
              <a:off x="5302326" y="1823492"/>
              <a:ext cx="1249908" cy="1249908"/>
              <a:chOff x="2279030" y="1747292"/>
              <a:chExt cx="1249908" cy="1249908"/>
            </a:xfrm>
          </p:grpSpPr>
          <p:sp>
            <p:nvSpPr>
              <p:cNvPr id="30" name="椭圆 29"/>
              <p:cNvSpPr/>
              <p:nvPr/>
            </p:nvSpPr>
            <p:spPr>
              <a:xfrm>
                <a:off x="2279030" y="1747292"/>
                <a:ext cx="1249908" cy="1249908"/>
              </a:xfrm>
              <a:prstGeom prst="ellipse">
                <a:avLst/>
              </a:prstGeom>
              <a:solidFill>
                <a:schemeClr val="bg1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31" name="矩形 30"/>
              <p:cNvSpPr/>
              <p:nvPr/>
            </p:nvSpPr>
            <p:spPr>
              <a:xfrm>
                <a:off x="2551954" y="2141414"/>
                <a:ext cx="704063" cy="45720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altLang="en-US" kern="0" lang="zh-CN" sz="1200">
                    <a:solidFill>
                      <a:schemeClr val="bg1"/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</p:grpSp>
        <p:grpSp>
          <p:nvGrpSpPr>
            <p:cNvPr id="4" name="组合 3"/>
            <p:cNvGrpSpPr/>
            <p:nvPr/>
          </p:nvGrpSpPr>
          <p:grpSpPr>
            <a:xfrm>
              <a:off x="3924175" y="1124817"/>
              <a:ext cx="897632" cy="897632"/>
              <a:chOff x="3979168" y="1034430"/>
              <a:chExt cx="897632" cy="897632"/>
            </a:xfrm>
          </p:grpSpPr>
          <p:sp>
            <p:nvSpPr>
              <p:cNvPr id="28" name="椭圆 27"/>
              <p:cNvSpPr/>
              <p:nvPr/>
            </p:nvSpPr>
            <p:spPr>
              <a:xfrm>
                <a:off x="3979168" y="1034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pic>
            <p:nvPicPr>
              <p:cNvPr descr="F:\工作夹\PPT设计\PPT模板\PPT模板2013\s1025\8.png" id="29" name="Picture 3"/>
              <p:cNvPicPr>
                <a:picLocks noChangeArrowheads="1" noChangeAspect="1"/>
              </p:cNvPicPr>
              <p:nvPr/>
            </p:nvPicPr>
            <p:blipFill>
              <a:blip r:embed="rId2">
                <a:extLst>
                  <a:ext uri="{28A0092B-C50C-407E-A947-70E740481C1C}">
                    <a14:useLocalDpi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4216274" y="1244642"/>
                <a:ext cx="423420" cy="477208"/>
              </a:xfrm>
              <a:prstGeom prst="rect">
                <a:avLst/>
              </a:prstGeom>
              <a:noFill/>
              <a:extLst>
                <a:ext uri="{909E8E84-426E-40DD-AFC4-6F175D3DCCD1}">
                  <a14:hiddenFill>
                    <a:solidFill>
                      <a:srgbClr val="FFFFFF"/>
                    </a:solidFill>
                  </a14:hiddenFill>
                </a:ext>
              </a:extLst>
            </p:spPr>
          </p:pic>
        </p:grpSp>
        <p:grpSp>
          <p:nvGrpSpPr>
            <p:cNvPr id="5" name="组合 4"/>
            <p:cNvGrpSpPr/>
            <p:nvPr/>
          </p:nvGrpSpPr>
          <p:grpSpPr>
            <a:xfrm>
              <a:off x="2178126" y="1823492"/>
              <a:ext cx="1249908" cy="1249908"/>
              <a:chOff x="2279030" y="1747292"/>
              <a:chExt cx="1249908" cy="1249908"/>
            </a:xfrm>
          </p:grpSpPr>
          <p:sp>
            <p:nvSpPr>
              <p:cNvPr id="26" name="椭圆 25"/>
              <p:cNvSpPr/>
              <p:nvPr/>
            </p:nvSpPr>
            <p:spPr>
              <a:xfrm>
                <a:off x="2279030" y="1747292"/>
                <a:ext cx="1249908" cy="1249908"/>
              </a:xfrm>
              <a:prstGeom prst="ellipse">
                <a:avLst/>
              </a:prstGeom>
              <a:solidFill>
                <a:schemeClr val="bg1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27" name="矩形 26"/>
              <p:cNvSpPr/>
              <p:nvPr/>
            </p:nvSpPr>
            <p:spPr>
              <a:xfrm>
                <a:off x="2551953" y="2141414"/>
                <a:ext cx="704063" cy="45720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altLang="en-US" kern="0" lang="zh-CN" sz="1200">
                    <a:solidFill>
                      <a:schemeClr val="bg1"/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</p:grpSp>
        <p:grpSp>
          <p:nvGrpSpPr>
            <p:cNvPr id="6" name="组合 5"/>
            <p:cNvGrpSpPr/>
            <p:nvPr/>
          </p:nvGrpSpPr>
          <p:grpSpPr>
            <a:xfrm>
              <a:off x="1669334" y="3445342"/>
              <a:ext cx="897632" cy="897632"/>
              <a:chOff x="2455168" y="1923430"/>
              <a:chExt cx="897632" cy="897632"/>
            </a:xfrm>
          </p:grpSpPr>
          <p:sp>
            <p:nvSpPr>
              <p:cNvPr id="24" name="椭圆 23"/>
              <p:cNvSpPr/>
              <p:nvPr/>
            </p:nvSpPr>
            <p:spPr>
              <a:xfrm>
                <a:off x="2455168" y="1923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25" name="矩形 24"/>
              <p:cNvSpPr/>
              <p:nvPr/>
            </p:nvSpPr>
            <p:spPr>
              <a:xfrm>
                <a:off x="2551952" y="2141414"/>
                <a:ext cx="704063" cy="45720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altLang="en-US" kern="0" lang="zh-CN" sz="120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</p:grpSp>
        <p:grpSp>
          <p:nvGrpSpPr>
            <p:cNvPr id="7" name="组合 6"/>
            <p:cNvGrpSpPr/>
            <p:nvPr/>
          </p:nvGrpSpPr>
          <p:grpSpPr>
            <a:xfrm>
              <a:off x="3227201" y="3445342"/>
              <a:ext cx="897632" cy="897632"/>
              <a:chOff x="2455168" y="1923430"/>
              <a:chExt cx="897632" cy="897632"/>
            </a:xfrm>
          </p:grpSpPr>
          <p:sp>
            <p:nvSpPr>
              <p:cNvPr id="22" name="椭圆 21"/>
              <p:cNvSpPr/>
              <p:nvPr/>
            </p:nvSpPr>
            <p:spPr>
              <a:xfrm>
                <a:off x="2455168" y="1923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23" name="矩形 22"/>
              <p:cNvSpPr/>
              <p:nvPr/>
            </p:nvSpPr>
            <p:spPr>
              <a:xfrm>
                <a:off x="2551954" y="2141414"/>
                <a:ext cx="704063" cy="45720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altLang="en-US" kern="0" lang="zh-CN" sz="120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</p:grpSp>
        <p:grpSp>
          <p:nvGrpSpPr>
            <p:cNvPr id="8" name="组合 7"/>
            <p:cNvGrpSpPr/>
            <p:nvPr/>
          </p:nvGrpSpPr>
          <p:grpSpPr>
            <a:xfrm>
              <a:off x="4785068" y="3445342"/>
              <a:ext cx="897632" cy="897632"/>
              <a:chOff x="2455168" y="1923430"/>
              <a:chExt cx="897632" cy="897632"/>
            </a:xfrm>
          </p:grpSpPr>
          <p:sp>
            <p:nvSpPr>
              <p:cNvPr id="20" name="椭圆 19"/>
              <p:cNvSpPr/>
              <p:nvPr/>
            </p:nvSpPr>
            <p:spPr>
              <a:xfrm>
                <a:off x="2455168" y="1923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21" name="矩形 20"/>
              <p:cNvSpPr/>
              <p:nvPr/>
            </p:nvSpPr>
            <p:spPr>
              <a:xfrm>
                <a:off x="2551953" y="2141414"/>
                <a:ext cx="704063" cy="45720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altLang="en-US" kern="0" lang="zh-CN" sz="120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</p:grpSp>
        <p:grpSp>
          <p:nvGrpSpPr>
            <p:cNvPr id="9" name="组合 8"/>
            <p:cNvGrpSpPr/>
            <p:nvPr/>
          </p:nvGrpSpPr>
          <p:grpSpPr>
            <a:xfrm>
              <a:off x="6342934" y="3445342"/>
              <a:ext cx="897632" cy="897632"/>
              <a:chOff x="2455168" y="1923430"/>
              <a:chExt cx="897632" cy="897632"/>
            </a:xfrm>
          </p:grpSpPr>
          <p:sp>
            <p:nvSpPr>
              <p:cNvPr id="18" name="椭圆 17"/>
              <p:cNvSpPr/>
              <p:nvPr/>
            </p:nvSpPr>
            <p:spPr>
              <a:xfrm>
                <a:off x="2455168" y="1923430"/>
                <a:ext cx="897632" cy="897632"/>
              </a:xfrm>
              <a:prstGeom prst="ellipse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19" name="矩形 18"/>
              <p:cNvSpPr/>
              <p:nvPr/>
            </p:nvSpPr>
            <p:spPr>
              <a:xfrm>
                <a:off x="2551954" y="2141414"/>
                <a:ext cx="704063" cy="457200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:r>
                  <a:rPr altLang="en-US" kern="0" lang="zh-CN" sz="1200">
                    <a:solidFill>
                      <a:schemeClr val="tx1">
                        <a:lumMod val="85000"/>
                        <a:lumOff val="15000"/>
                      </a:schemeClr>
                    </a:solidFill>
                    <a:latin charset="-122" pitchFamily="34" typeface="微软雅黑"/>
                    <a:ea charset="-122" pitchFamily="34" typeface="微软雅黑"/>
                  </a:rPr>
                  <a:t>单击添加文字</a:t>
                </a:r>
              </a:p>
            </p:txBody>
          </p:sp>
        </p:grpSp>
        <p:sp>
          <p:nvSpPr>
            <p:cNvPr id="10" name="任意多边形 9"/>
            <p:cNvSpPr/>
            <p:nvPr/>
          </p:nvSpPr>
          <p:spPr>
            <a:xfrm>
              <a:off x="4813300" y="1595437"/>
              <a:ext cx="1104900" cy="477812"/>
            </a:xfrm>
            <a:custGeom>
              <a:gdLst>
                <a:gd fmla="*/ 0 w 1104900" name="connsiteX0"/>
                <a:gd fmla="*/ 0 h 698500" name="connsiteY0"/>
                <a:gd fmla="*/ 1104900 w 1104900" name="connsiteX1"/>
                <a:gd fmla="*/ 0 h 698500" name="connsiteY1"/>
                <a:gd fmla="*/ 1104900 w 1104900" name="connsiteX2"/>
                <a:gd fmla="*/ 698500 h 698500" name="connsiteY2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b="b" l="l" r="r" t="t"/>
              <a:pathLst>
                <a:path h="698500" w="1104900">
                  <a:moveTo>
                    <a:pt x="0" y="0"/>
                  </a:moveTo>
                  <a:lnTo>
                    <a:pt x="1104900" y="0"/>
                  </a:lnTo>
                  <a:lnTo>
                    <a:pt x="1104900" y="698500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11" name="任意多边形 10"/>
            <p:cNvSpPr/>
            <p:nvPr/>
          </p:nvSpPr>
          <p:spPr>
            <a:xfrm flipH="1">
              <a:off x="2813050" y="1595437"/>
              <a:ext cx="1104900" cy="477812"/>
            </a:xfrm>
            <a:custGeom>
              <a:gdLst>
                <a:gd fmla="*/ 0 w 1104900" name="connsiteX0"/>
                <a:gd fmla="*/ 0 h 698500" name="connsiteY0"/>
                <a:gd fmla="*/ 1104900 w 1104900" name="connsiteX1"/>
                <a:gd fmla="*/ 0 h 698500" name="connsiteY1"/>
                <a:gd fmla="*/ 1104900 w 1104900" name="connsiteX2"/>
                <a:gd fmla="*/ 698500 h 698500" name="connsiteY2"/>
              </a:gdLst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b="b" l="l" r="r" t="t"/>
              <a:pathLst>
                <a:path h="698500" w="1104900">
                  <a:moveTo>
                    <a:pt x="0" y="0"/>
                  </a:moveTo>
                  <a:lnTo>
                    <a:pt x="1104900" y="0"/>
                  </a:lnTo>
                  <a:lnTo>
                    <a:pt x="1104900" y="698500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grpSp>
          <p:nvGrpSpPr>
            <p:cNvPr id="12" name="组合 11"/>
            <p:cNvGrpSpPr/>
            <p:nvPr/>
          </p:nvGrpSpPr>
          <p:grpSpPr>
            <a:xfrm>
              <a:off x="2078625" y="2973462"/>
              <a:ext cx="1590805" cy="485809"/>
              <a:chOff x="2129425" y="2821062"/>
              <a:chExt cx="1590805" cy="485809"/>
            </a:xfrm>
          </p:grpSpPr>
          <p:sp>
            <p:nvSpPr>
              <p:cNvPr id="16" name="任意多边形 15"/>
              <p:cNvSpPr/>
              <p:nvPr/>
            </p:nvSpPr>
            <p:spPr>
              <a:xfrm>
                <a:off x="2129425" y="3006247"/>
                <a:ext cx="1590805" cy="300624"/>
              </a:xfrm>
              <a:custGeom>
                <a:gdLst>
                  <a:gd fmla="*/ 0 w 1590805" name="connsiteX0"/>
                  <a:gd fmla="*/ 275572 h 300624" name="connsiteY0"/>
                  <a:gd fmla="*/ 0 w 1590805" name="connsiteX1"/>
                  <a:gd fmla="*/ 0 h 300624" name="connsiteY1"/>
                  <a:gd fmla="*/ 1590805 w 1590805" name="connsiteX2"/>
                  <a:gd fmla="*/ 0 h 300624" name="connsiteY2"/>
                  <a:gd fmla="*/ 1590805 w 1590805" name="connsiteX3"/>
                  <a:gd fmla="*/ 300624 h 300624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300624" w="1590805">
                    <a:moveTo>
                      <a:pt x="0" y="275572"/>
                    </a:moveTo>
                    <a:lnTo>
                      <a:pt x="0" y="0"/>
                    </a:lnTo>
                    <a:lnTo>
                      <a:pt x="1590805" y="0"/>
                    </a:lnTo>
                    <a:lnTo>
                      <a:pt x="1590805" y="300624"/>
                    </a:lnTo>
                  </a:path>
                </a:pathLst>
              </a:custGeom>
              <a:noFill/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cxnSp>
            <p:nvCxnSpPr>
              <p:cNvPr id="17" name="直接连接符 16"/>
              <p:cNvCxnSpPr/>
              <p:nvPr/>
            </p:nvCxnSpPr>
            <p:spPr>
              <a:xfrm flipH="1" flipV="1">
                <a:off x="2863850" y="2821062"/>
                <a:ext cx="0" cy="185185"/>
              </a:xfrm>
              <a:prstGeom prst="line">
                <a:avLst/>
              </a:prstGeom>
              <a:noFill/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</p:grpSp>
        <p:grpSp>
          <p:nvGrpSpPr>
            <p:cNvPr id="13" name="组合 12"/>
            <p:cNvGrpSpPr/>
            <p:nvPr/>
          </p:nvGrpSpPr>
          <p:grpSpPr>
            <a:xfrm>
              <a:off x="5197606" y="2973462"/>
              <a:ext cx="1590805" cy="485809"/>
              <a:chOff x="5248406" y="2821062"/>
              <a:chExt cx="1590805" cy="485809"/>
            </a:xfrm>
          </p:grpSpPr>
          <p:sp>
            <p:nvSpPr>
              <p:cNvPr id="14" name="任意多边形 13"/>
              <p:cNvSpPr/>
              <p:nvPr/>
            </p:nvSpPr>
            <p:spPr>
              <a:xfrm>
                <a:off x="5248406" y="3006247"/>
                <a:ext cx="1590805" cy="300624"/>
              </a:xfrm>
              <a:custGeom>
                <a:gdLst>
                  <a:gd fmla="*/ 0 w 1590805" name="connsiteX0"/>
                  <a:gd fmla="*/ 275572 h 300624" name="connsiteY0"/>
                  <a:gd fmla="*/ 0 w 1590805" name="connsiteX1"/>
                  <a:gd fmla="*/ 0 h 300624" name="connsiteY1"/>
                  <a:gd fmla="*/ 1590805 w 1590805" name="connsiteX2"/>
                  <a:gd fmla="*/ 0 h 300624" name="connsiteY2"/>
                  <a:gd fmla="*/ 1590805 w 1590805" name="connsiteX3"/>
                  <a:gd fmla="*/ 300624 h 300624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300624" w="1590805">
                    <a:moveTo>
                      <a:pt x="0" y="275572"/>
                    </a:moveTo>
                    <a:lnTo>
                      <a:pt x="0" y="0"/>
                    </a:lnTo>
                    <a:lnTo>
                      <a:pt x="1590805" y="0"/>
                    </a:lnTo>
                    <a:lnTo>
                      <a:pt x="1590805" y="300624"/>
                    </a:lnTo>
                  </a:path>
                </a:pathLst>
              </a:custGeom>
              <a:noFill/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cxnSp>
            <p:nvCxnSpPr>
              <p:cNvPr id="15" name="直接连接符 14"/>
              <p:cNvCxnSpPr/>
              <p:nvPr/>
            </p:nvCxnSpPr>
            <p:spPr>
              <a:xfrm flipH="1" flipV="1">
                <a:off x="6018530" y="2821062"/>
                <a:ext cx="0" cy="185185"/>
              </a:xfrm>
              <a:prstGeom prst="line">
                <a:avLst/>
              </a:prstGeom>
              <a:noFill/>
              <a:ln>
                <a:solidFill>
                  <a:schemeClr val="bg1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</p:cxnSp>
        </p:grpSp>
      </p:grpSp>
      <p:grpSp>
        <p:nvGrpSpPr>
          <p:cNvPr id="32" name="组合 31"/>
          <p:cNvGrpSpPr/>
          <p:nvPr/>
        </p:nvGrpSpPr>
        <p:grpSpPr>
          <a:xfrm>
            <a:off x="2028541" y="3057891"/>
            <a:ext cx="1968938" cy="419436"/>
            <a:chOff x="263908" y="2319952"/>
            <a:chExt cx="1968938" cy="419436"/>
          </a:xfrm>
        </p:grpSpPr>
        <p:grpSp>
          <p:nvGrpSpPr>
            <p:cNvPr id="33" name="组合 32"/>
            <p:cNvGrpSpPr/>
            <p:nvPr/>
          </p:nvGrpSpPr>
          <p:grpSpPr>
            <a:xfrm>
              <a:off x="263908" y="2319952"/>
              <a:ext cx="1354088" cy="379706"/>
              <a:chOff x="263908" y="2319952"/>
              <a:chExt cx="1354088" cy="379706"/>
            </a:xfrm>
          </p:grpSpPr>
          <p:sp>
            <p:nvSpPr>
              <p:cNvPr id="35" name="矩形 34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BFE2E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pic>
            <p:nvPicPr>
              <p:cNvPr descr="F:\工作夹\PPT设计\PPT模板\PPT模板2013\s1025\8.png" id="36" name="Picture 3"/>
              <p:cNvPicPr>
                <a:picLocks noChangeArrowheads="1" noChangeAspect="1"/>
              </p:cNvPicPr>
              <p:nvPr/>
            </p:nvPicPr>
            <p:blipFill>
              <a:blip r:embed="rId2">
                <a:extLst>
                  <a:ext uri="{28A0092B-C50C-407E-A947-70E740481C1C}">
                    <a14:useLocalDpi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263908" y="2319952"/>
                <a:ext cx="336908" cy="379706"/>
              </a:xfrm>
              <a:prstGeom prst="rect">
                <a:avLst/>
              </a:prstGeom>
              <a:noFill/>
              <a:extLst>
                <a:ext uri="{909E8E84-426E-40DD-AFC4-6F175D3DCCD1}">
                  <a14:hiddenFill>
                    <a:solidFill>
                      <a:srgbClr val="FFFFFF"/>
                    </a:solidFill>
                  </a14:hiddenFill>
                </a:ext>
              </a:extLst>
            </p:spPr>
          </p:pic>
        </p:grpSp>
        <p:sp>
          <p:nvSpPr>
            <p:cNvPr id="34" name="TextBox 33"/>
            <p:cNvSpPr txBox="1"/>
            <p:nvPr/>
          </p:nvSpPr>
          <p:spPr>
            <a:xfrm>
              <a:off x="1705137" y="2370056"/>
              <a:ext cx="601980" cy="36576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rPr>
                <a:t>80%</a:t>
              </a:r>
            </a:p>
          </p:txBody>
        </p:sp>
      </p:grpSp>
      <p:grpSp>
        <p:nvGrpSpPr>
          <p:cNvPr id="37" name="组合 36"/>
          <p:cNvGrpSpPr/>
          <p:nvPr/>
        </p:nvGrpSpPr>
        <p:grpSpPr>
          <a:xfrm>
            <a:off x="2046695" y="3630512"/>
            <a:ext cx="1950784" cy="423015"/>
            <a:chOff x="282062" y="3042883"/>
            <a:chExt cx="1950784" cy="423015"/>
          </a:xfrm>
        </p:grpSpPr>
        <p:grpSp>
          <p:nvGrpSpPr>
            <p:cNvPr id="38" name="组合 37"/>
            <p:cNvGrpSpPr/>
            <p:nvPr/>
          </p:nvGrpSpPr>
          <p:grpSpPr>
            <a:xfrm>
              <a:off x="282062" y="3042883"/>
              <a:ext cx="1335934" cy="379706"/>
              <a:chOff x="282062" y="2319952"/>
              <a:chExt cx="1335934" cy="379706"/>
            </a:xfrm>
          </p:grpSpPr>
          <p:sp>
            <p:nvSpPr>
              <p:cNvPr id="40" name="矩形 39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pic>
            <p:nvPicPr>
              <p:cNvPr id="41" name="Picture 3"/>
              <p:cNvPicPr>
                <a:picLocks noChangeArrowheads="1" noChangeAspect="1"/>
              </p:cNvPicPr>
              <p:nvPr/>
            </p:nvPicPr>
            <p:blipFill>
              <a:blip r:embed="rId3">
                <a:extLst>
                  <a:ext uri="{28A0092B-C50C-407E-A947-70E740481C1C}">
                    <a14:useLocalDpi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282062" y="2319952"/>
                <a:ext cx="300600" cy="379706"/>
              </a:xfrm>
              <a:prstGeom prst="rect">
                <a:avLst/>
              </a:prstGeom>
              <a:solidFill>
                <a:srgbClr val="FFFFFF"/>
              </a:solidFill>
              <a:extLst/>
            </p:spPr>
          </p:pic>
        </p:grpSp>
        <p:sp>
          <p:nvSpPr>
            <p:cNvPr id="39" name="TextBox 38"/>
            <p:cNvSpPr txBox="1"/>
            <p:nvPr/>
          </p:nvSpPr>
          <p:spPr>
            <a:xfrm>
              <a:off x="1705137" y="3096566"/>
              <a:ext cx="601980" cy="36576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>
                  <a:solidFill>
                    <a:schemeClr val="tx1">
                      <a:lumMod val="50000"/>
                      <a:lumOff val="50000"/>
                    </a:schemeClr>
                  </a:solidFill>
                  <a:latin charset="0" pitchFamily="18" typeface="Rockwell Extra Bold"/>
                </a:rPr>
                <a:t>30%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22" presetSubtype="1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up)" transition="in">
                                      <p:cBhvr>
                                        <p:cTn dur="100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8" nodeType="withEffect" presetClass="entr" presetID="2" presetSubtype="8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dur="1" fill="hold" id="9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0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1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2" nodeType="withEffect" presetClass="entr" presetID="2" presetSubtype="8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dur="1" fill="hold" id="13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4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5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2169277" y="2631389"/>
            <a:ext cx="2420438" cy="2074698"/>
            <a:chOff x="532008" y="1661633"/>
            <a:chExt cx="2420438" cy="2074698"/>
          </a:xfrm>
        </p:grpSpPr>
        <p:sp>
          <p:nvSpPr>
            <p:cNvPr id="3" name="矩形 2"/>
            <p:cNvSpPr/>
            <p:nvPr/>
          </p:nvSpPr>
          <p:spPr>
            <a:xfrm>
              <a:off x="532008" y="1661633"/>
              <a:ext cx="2420438" cy="2074698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pic>
          <p:nvPicPr>
            <p:cNvPr id="4" name="Picture 3"/>
            <p:cNvPicPr>
              <a:picLocks noChangeArrowheads="1" noChangeAspect="1"/>
            </p:cNvPicPr>
            <p:nvPr/>
          </p:nvPicPr>
          <p:blipFill>
            <a:blip r:embed="rId2">
              <a:extLst>
                <a:ext uri="{BEBA8EAE-BF5A-486C-A8C5-ECC9F3942E4B}">
                  <a14:imgProps>
                    <a14:imgLayer r:embed="rId3">
                      <a14:imgEffect>
                        <a14:saturation sat="0"/>
                      </a14:imgEffect>
                    </a14:imgLayer>
                  </a14:imgProps>
                </a:ext>
                <a:ext uri="{28A0092B-C50C-407E-A947-70E740481C1C}">
                  <a14:useLocalDpi/>
                </a:ext>
              </a:extLst>
            </a:blip>
            <a:stretch>
              <a:fillRect/>
            </a:stretch>
          </p:blipFill>
          <p:spPr bwMode="auto">
            <a:xfrm>
              <a:off x="693412" y="1814160"/>
              <a:ext cx="2092660" cy="1313996"/>
            </a:xfrm>
            <a:prstGeom prst="rect">
              <a:avLst/>
            </a:prstGeom>
            <a:noFill/>
            <a:ln w="38100">
              <a:solidFill>
                <a:schemeClr val="bg1"/>
              </a:solidFill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" name="矩形 4"/>
            <p:cNvSpPr/>
            <p:nvPr/>
          </p:nvSpPr>
          <p:spPr>
            <a:xfrm>
              <a:off x="710505" y="3275345"/>
              <a:ext cx="1932305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zh-CN" kern="0" lang="en-US" sz="12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&gt;&gt;单击此处添加文字内容</a:t>
              </a:r>
            </a:p>
          </p:txBody>
        </p:sp>
      </p:grpSp>
      <p:grpSp>
        <p:nvGrpSpPr>
          <p:cNvPr id="6" name="组合 5"/>
          <p:cNvGrpSpPr/>
          <p:nvPr/>
        </p:nvGrpSpPr>
        <p:grpSpPr>
          <a:xfrm>
            <a:off x="4383732" y="1664779"/>
            <a:ext cx="1708882" cy="1708882"/>
            <a:chOff x="6257196" y="770525"/>
            <a:chExt cx="1708882" cy="1708882"/>
          </a:xfrm>
        </p:grpSpPr>
        <p:sp>
          <p:nvSpPr>
            <p:cNvPr id="7" name="任意多边形 6"/>
            <p:cNvSpPr/>
            <p:nvPr/>
          </p:nvSpPr>
          <p:spPr>
            <a:xfrm rot="20981648">
              <a:off x="6257196" y="770525"/>
              <a:ext cx="1708882" cy="1708882"/>
            </a:xfrm>
            <a:custGeom>
              <a:rect b="b" l="l" r="r" t="t"/>
              <a:pathLst>
                <a:path h="2037778" w="2037778">
                  <a:moveTo>
                    <a:pt x="1201140" y="16611"/>
                  </a:moveTo>
                  <a:cubicBezTo>
                    <a:pt x="1754683" y="117266"/>
                    <a:pt x="2121821" y="647597"/>
                    <a:pt x="2021167" y="1201140"/>
                  </a:cubicBezTo>
                  <a:cubicBezTo>
                    <a:pt x="1920512" y="1754683"/>
                    <a:pt x="1390181" y="2121821"/>
                    <a:pt x="836638" y="2021167"/>
                  </a:cubicBezTo>
                  <a:cubicBezTo>
                    <a:pt x="731525" y="2002054"/>
                    <a:pt x="633134" y="1967447"/>
                    <a:pt x="543476" y="1919969"/>
                  </a:cubicBezTo>
                  <a:cubicBezTo>
                    <a:pt x="379926" y="1975646"/>
                    <a:pt x="193523" y="1966561"/>
                    <a:pt x="19928" y="1946271"/>
                  </a:cubicBezTo>
                  <a:cubicBezTo>
                    <a:pt x="24161" y="1950504"/>
                    <a:pt x="185028" y="1909758"/>
                    <a:pt x="283453" y="1781171"/>
                  </a:cubicBezTo>
                  <a:cubicBezTo>
                    <a:pt x="292222" y="1769715"/>
                    <a:pt x="299966" y="1758368"/>
                    <a:pt x="306069" y="1746684"/>
                  </a:cubicBezTo>
                  <a:cubicBezTo>
                    <a:pt x="73055" y="1518178"/>
                    <a:pt x="-46174" y="1181924"/>
                    <a:pt x="16611" y="836638"/>
                  </a:cubicBezTo>
                  <a:cubicBezTo>
                    <a:pt x="117265" y="283095"/>
                    <a:pt x="647597" y="-84043"/>
                    <a:pt x="1201140" y="16611"/>
                  </a:cubicBezTo>
                  <a:close/>
                </a:path>
              </a:pathLst>
            </a:custGeom>
            <a:solidFill>
              <a:srgbClr val="9DB9B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8" name="矩形 7"/>
            <p:cNvSpPr>
              <a:spLocks noChangeArrowheads="1"/>
            </p:cNvSpPr>
            <p:nvPr/>
          </p:nvSpPr>
          <p:spPr bwMode="auto">
            <a:xfrm>
              <a:off x="6485488" y="1206780"/>
              <a:ext cx="1414786" cy="85344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>
                <a:lnSpc>
                  <a:spcPts val="2000"/>
                </a:lnSpc>
              </a:pPr>
              <a:r>
                <a:rPr altLang="zh-CN" lang="en-US" sz="1400"/>
                <a:t>RAPIDPPT, the leader of professional  of…</a:t>
              </a:r>
            </a:p>
          </p:txBody>
        </p:sp>
      </p:grpSp>
      <p:grpSp>
        <p:nvGrpSpPr>
          <p:cNvPr id="9" name="组合 8"/>
          <p:cNvGrpSpPr/>
          <p:nvPr/>
        </p:nvGrpSpPr>
        <p:grpSpPr>
          <a:xfrm>
            <a:off x="6495477" y="2631389"/>
            <a:ext cx="2420438" cy="2074698"/>
            <a:chOff x="532008" y="1661633"/>
            <a:chExt cx="2420438" cy="2074698"/>
          </a:xfrm>
        </p:grpSpPr>
        <p:sp>
          <p:nvSpPr>
            <p:cNvPr id="10" name="矩形 9"/>
            <p:cNvSpPr/>
            <p:nvPr/>
          </p:nvSpPr>
          <p:spPr>
            <a:xfrm>
              <a:off x="532008" y="1661633"/>
              <a:ext cx="2420438" cy="2074698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pic>
          <p:nvPicPr>
            <p:cNvPr id="11" name="Picture 3"/>
            <p:cNvPicPr>
              <a:picLocks noChangeArrowheads="1"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val="0"/>
                </a:ext>
              </a:extLst>
            </a:blip>
            <a:stretch>
              <a:fillRect/>
            </a:stretch>
          </p:blipFill>
          <p:spPr bwMode="auto">
            <a:xfrm>
              <a:off x="777167" y="1814160"/>
              <a:ext cx="1925150" cy="1313996"/>
            </a:xfrm>
            <a:prstGeom prst="rect">
              <a:avLst/>
            </a:prstGeom>
            <a:noFill/>
            <a:ln w="38100">
              <a:solidFill>
                <a:schemeClr val="bg1"/>
              </a:solidFill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2" name="矩形 11"/>
            <p:cNvSpPr/>
            <p:nvPr/>
          </p:nvSpPr>
          <p:spPr>
            <a:xfrm>
              <a:off x="710504" y="3275345"/>
              <a:ext cx="1932305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zh-CN" kern="0" lang="en-US" sz="12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&gt;&gt;单击此处添加文字内容</a:t>
              </a:r>
            </a:p>
          </p:txBody>
        </p:sp>
      </p:grpSp>
      <p:grpSp>
        <p:nvGrpSpPr>
          <p:cNvPr id="13" name="组合 12"/>
          <p:cNvGrpSpPr/>
          <p:nvPr/>
        </p:nvGrpSpPr>
        <p:grpSpPr>
          <a:xfrm>
            <a:off x="8694474" y="1708321"/>
            <a:ext cx="1708882" cy="1708882"/>
            <a:chOff x="6257196" y="770525"/>
            <a:chExt cx="1708882" cy="1708882"/>
          </a:xfrm>
        </p:grpSpPr>
        <p:sp>
          <p:nvSpPr>
            <p:cNvPr id="14" name="任意多边形 13"/>
            <p:cNvSpPr/>
            <p:nvPr/>
          </p:nvSpPr>
          <p:spPr>
            <a:xfrm rot="20981648">
              <a:off x="6257196" y="770525"/>
              <a:ext cx="1708882" cy="1708882"/>
            </a:xfrm>
            <a:custGeom>
              <a:rect b="b" l="l" r="r" t="t"/>
              <a:pathLst>
                <a:path h="2037778" w="2037778">
                  <a:moveTo>
                    <a:pt x="1201140" y="16611"/>
                  </a:moveTo>
                  <a:cubicBezTo>
                    <a:pt x="1754683" y="117266"/>
                    <a:pt x="2121821" y="647597"/>
                    <a:pt x="2021167" y="1201140"/>
                  </a:cubicBezTo>
                  <a:cubicBezTo>
                    <a:pt x="1920512" y="1754683"/>
                    <a:pt x="1390181" y="2121821"/>
                    <a:pt x="836638" y="2021167"/>
                  </a:cubicBezTo>
                  <a:cubicBezTo>
                    <a:pt x="731525" y="2002054"/>
                    <a:pt x="633134" y="1967447"/>
                    <a:pt x="543476" y="1919969"/>
                  </a:cubicBezTo>
                  <a:cubicBezTo>
                    <a:pt x="379926" y="1975646"/>
                    <a:pt x="193523" y="1966561"/>
                    <a:pt x="19928" y="1946271"/>
                  </a:cubicBezTo>
                  <a:cubicBezTo>
                    <a:pt x="24161" y="1950504"/>
                    <a:pt x="185028" y="1909758"/>
                    <a:pt x="283453" y="1781171"/>
                  </a:cubicBezTo>
                  <a:cubicBezTo>
                    <a:pt x="292222" y="1769715"/>
                    <a:pt x="299966" y="1758368"/>
                    <a:pt x="306069" y="1746684"/>
                  </a:cubicBezTo>
                  <a:cubicBezTo>
                    <a:pt x="73055" y="1518178"/>
                    <a:pt x="-46174" y="1181924"/>
                    <a:pt x="16611" y="836638"/>
                  </a:cubicBezTo>
                  <a:cubicBezTo>
                    <a:pt x="117265" y="283095"/>
                    <a:pt x="647597" y="-84043"/>
                    <a:pt x="1201140" y="16611"/>
                  </a:cubicBezTo>
                  <a:close/>
                </a:path>
              </a:pathLst>
            </a:custGeom>
            <a:solidFill>
              <a:srgbClr val="9DB9B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15" name="矩形 14"/>
            <p:cNvSpPr>
              <a:spLocks noChangeArrowheads="1"/>
            </p:cNvSpPr>
            <p:nvPr/>
          </p:nvSpPr>
          <p:spPr bwMode="auto">
            <a:xfrm>
              <a:off x="6485489" y="1206780"/>
              <a:ext cx="1414786" cy="85344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>
                <a:lnSpc>
                  <a:spcPts val="2000"/>
                </a:lnSpc>
              </a:pPr>
              <a:r>
                <a:rPr altLang="zh-CN" lang="en-US" sz="1400"/>
                <a:t>RAPIDPPT, the leader of professional  of…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30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ecel="100000" dur="800" id="7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ecel="100000" dur="800" fill="hold" id="8"/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ecel="100000" dur="800" fill="hold" id="9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ecel="100000" dur="800" fill="hold" id="10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accel="100000" dur="200" fill="hold" id="11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accel="100000" dur="200" fill="hold" id="12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3" nodeType="withEffect" presetClass="entr" presetID="22" presetSubtype="4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dur="1" fill="hold" id="14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15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fill="hold" id="16" nodeType="withEffect" presetClass="entr" presetID="30" presetSubtype="0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ecel="100000" dur="800" id="18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ecel="100000" dur="800" fill="hold" id="19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ecel="100000" dur="800" fill="hold" id="20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ecel="100000" dur="800" fill="hold" id="21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accel="100000" dur="200" fill="hold" id="22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accel="100000" dur="200" fill="hold" id="23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4" nodeType="withEffect" presetClass="entr" presetID="22" presetSubtype="4">
                                  <p:stCondLst>
                                    <p:cond delay="2500"/>
                                  </p:stCondLst>
                                  <p:childTnLst>
                                    <p:set>
                                      <p:cBhvr>
                                        <p:cTn dur="1" fill="hold" id="25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wipe(down)" transition="in">
                                      <p:cBhvr>
                                        <p:cTn dur="500" id="26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sp>
        <p:nvSpPr>
          <p:cNvPr id="31" name="矩形 30"/>
          <p:cNvSpPr/>
          <p:nvPr/>
        </p:nvSpPr>
        <p:spPr>
          <a:xfrm>
            <a:off x="1524000" y="2242089"/>
            <a:ext cx="9144000" cy="2444221"/>
          </a:xfrm>
          <a:prstGeom prst="rect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<a:prstTxWarp prst="textNoShape">
              <a:avLst/>
            </a:prstTxWarp>
            <a:noAutofit/>
          </a:bodyPr>
          <a:lstStyle/>
          <a:p>
            <a:pPr algn="ctr"/>
            <a:endParaRPr altLang="en-US" lang="zh-CN"/>
          </a:p>
        </p:txBody>
      </p:sp>
      <p:grpSp>
        <p:nvGrpSpPr>
          <p:cNvPr id="18" name="组合 17"/>
          <p:cNvGrpSpPr/>
          <p:nvPr/>
        </p:nvGrpSpPr>
        <p:grpSpPr>
          <a:xfrm>
            <a:off x="2385819" y="2996146"/>
            <a:ext cx="936104" cy="936104"/>
            <a:chOff x="971600" y="1635646"/>
            <a:chExt cx="936104" cy="936104"/>
          </a:xfrm>
        </p:grpSpPr>
        <p:sp>
          <p:nvSpPr>
            <p:cNvPr id="19" name="椭圆 18"/>
            <p:cNvSpPr/>
            <p:nvPr/>
          </p:nvSpPr>
          <p:spPr>
            <a:xfrm>
              <a:off x="971600" y="1635646"/>
              <a:ext cx="936104" cy="936104"/>
            </a:xfrm>
            <a:prstGeom prst="ellipse">
              <a:avLst/>
            </a:prstGeom>
            <a:noFill/>
            <a:ln w="19050">
              <a:solidFill>
                <a:schemeClr val="tx1">
                  <a:lumMod val="65000"/>
                  <a:lumOff val="3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>
                <a:solidFill>
                  <a:schemeClr val="bg1">
                    <a:lumMod val="50000"/>
                  </a:schemeClr>
                </a:solidFill>
              </a:endParaRPr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1135417" y="1744378"/>
              <a:ext cx="462280" cy="762000"/>
            </a:xfrm>
            <a:prstGeom prst="rect">
              <a:avLst/>
            </a:prstGeom>
            <a:noFill/>
          </p:spPr>
          <p:txBody>
            <a:bodyPr rtlCol="0" wrap="none">
              <a:spAutoFit/>
            </a:bodyPr>
            <a:lstStyle/>
            <a:p>
              <a:r>
                <a:rPr altLang="zh-CN" lang="en-US" sz="4400">
                  <a:solidFill>
                    <a:schemeClr val="tx1">
                      <a:lumMod val="65000"/>
                      <a:lumOff val="35000"/>
                    </a:schemeClr>
                  </a:solidFill>
                  <a:latin charset="-122" pitchFamily="2" typeface="方正正中黑简体"/>
                  <a:ea charset="-122" pitchFamily="2" typeface="方正正中黑简体"/>
                </a:rPr>
                <a:t>2</a:t>
              </a:r>
            </a:p>
          </p:txBody>
        </p:sp>
      </p:grpSp>
      <p:grpSp>
        <p:nvGrpSpPr>
          <p:cNvPr id="32" name="组合 31"/>
          <p:cNvGrpSpPr/>
          <p:nvPr/>
        </p:nvGrpSpPr>
        <p:grpSpPr>
          <a:xfrm>
            <a:off x="5322601" y="1947593"/>
            <a:ext cx="2349499" cy="2057471"/>
            <a:chOff x="3482595" y="805643"/>
            <a:chExt cx="2349499" cy="2057471"/>
          </a:xfrm>
        </p:grpSpPr>
        <p:grpSp>
          <p:nvGrpSpPr>
            <p:cNvPr id="33" name="组合 32"/>
            <p:cNvGrpSpPr/>
            <p:nvPr/>
          </p:nvGrpSpPr>
          <p:grpSpPr>
            <a:xfrm>
              <a:off x="3482595" y="939800"/>
              <a:ext cx="2349499" cy="1923314"/>
              <a:chOff x="2171701" y="939800"/>
              <a:chExt cx="2349499" cy="1923314"/>
            </a:xfrm>
          </p:grpSpPr>
          <p:sp>
            <p:nvSpPr>
              <p:cNvPr id="35" name="任意多边形 3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36" name="任意多边形 35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34" name="矩形 33"/>
            <p:cNvSpPr/>
            <p:nvPr/>
          </p:nvSpPr>
          <p:spPr>
            <a:xfrm rot="3269671">
              <a:off x="3704681" y="1542935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37" name="组合 36"/>
          <p:cNvGrpSpPr/>
          <p:nvPr/>
        </p:nvGrpSpPr>
        <p:grpSpPr>
          <a:xfrm>
            <a:off x="6478511" y="2011091"/>
            <a:ext cx="2349499" cy="1993973"/>
            <a:chOff x="4716310" y="869141"/>
            <a:chExt cx="2349499" cy="1993973"/>
          </a:xfrm>
        </p:grpSpPr>
        <p:grpSp>
          <p:nvGrpSpPr>
            <p:cNvPr id="38" name="组合 37"/>
            <p:cNvGrpSpPr/>
            <p:nvPr/>
          </p:nvGrpSpPr>
          <p:grpSpPr>
            <a:xfrm>
              <a:off x="4716310" y="939800"/>
              <a:ext cx="2349499" cy="1923314"/>
              <a:chOff x="2171701" y="939800"/>
              <a:chExt cx="2349499" cy="1923314"/>
            </a:xfrm>
          </p:grpSpPr>
          <p:sp>
            <p:nvSpPr>
              <p:cNvPr id="40" name="任意多边形 3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41" name="任意多边形 40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39" name="矩形 38"/>
            <p:cNvSpPr/>
            <p:nvPr/>
          </p:nvSpPr>
          <p:spPr>
            <a:xfrm rot="3257822">
              <a:off x="4983724" y="1606446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42" name="组合 41"/>
          <p:cNvGrpSpPr/>
          <p:nvPr/>
        </p:nvGrpSpPr>
        <p:grpSpPr>
          <a:xfrm>
            <a:off x="7634419" y="1972991"/>
            <a:ext cx="2349499" cy="2032072"/>
            <a:chOff x="6138710" y="831042"/>
            <a:chExt cx="2349499" cy="2032072"/>
          </a:xfrm>
        </p:grpSpPr>
        <p:grpSp>
          <p:nvGrpSpPr>
            <p:cNvPr id="43" name="组合 42"/>
            <p:cNvGrpSpPr/>
            <p:nvPr/>
          </p:nvGrpSpPr>
          <p:grpSpPr>
            <a:xfrm>
              <a:off x="6138710" y="939800"/>
              <a:ext cx="2349499" cy="1923314"/>
              <a:chOff x="2171701" y="939800"/>
              <a:chExt cx="2349499" cy="1923314"/>
            </a:xfrm>
          </p:grpSpPr>
          <p:sp>
            <p:nvSpPr>
              <p:cNvPr id="45" name="任意多边形 4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  <p:sp>
            <p:nvSpPr>
              <p:cNvPr id="46" name="任意多边形 45"/>
              <p:cNvSpPr/>
              <p:nvPr/>
            </p:nvSpPr>
            <p:spPr>
              <a:xfrm>
                <a:off x="2298700" y="939800"/>
                <a:ext cx="2222500" cy="1923314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>
                  <a:solidFill>
                    <a:schemeClr val="bg1"/>
                  </a:solidFill>
                </a:endParaRPr>
              </a:p>
            </p:txBody>
          </p:sp>
        </p:grpSp>
        <p:sp>
          <p:nvSpPr>
            <p:cNvPr id="44" name="矩形 43"/>
            <p:cNvSpPr/>
            <p:nvPr/>
          </p:nvSpPr>
          <p:spPr>
            <a:xfrm rot="3279009">
              <a:off x="6360817" y="1568323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47" name="组合 46"/>
          <p:cNvGrpSpPr/>
          <p:nvPr/>
        </p:nvGrpSpPr>
        <p:grpSpPr>
          <a:xfrm>
            <a:off x="4166693" y="1972993"/>
            <a:ext cx="2349499" cy="2032071"/>
            <a:chOff x="3482595" y="831043"/>
            <a:chExt cx="2349499" cy="2032071"/>
          </a:xfrm>
        </p:grpSpPr>
        <p:grpSp>
          <p:nvGrpSpPr>
            <p:cNvPr id="48" name="组合 47"/>
            <p:cNvGrpSpPr/>
            <p:nvPr/>
          </p:nvGrpSpPr>
          <p:grpSpPr>
            <a:xfrm>
              <a:off x="3482595" y="939799"/>
              <a:ext cx="2349499" cy="1923315"/>
              <a:chOff x="2171701" y="939799"/>
              <a:chExt cx="2349499" cy="1923315"/>
            </a:xfrm>
          </p:grpSpPr>
          <p:sp>
            <p:nvSpPr>
              <p:cNvPr id="50" name="任意多边形 49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26207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26207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26207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26207" y="0"/>
                    </a:lnTo>
                    <a:close/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  <p:sp>
            <p:nvSpPr>
              <p:cNvPr id="51" name="任意多边形 50"/>
              <p:cNvSpPr/>
              <p:nvPr/>
            </p:nvSpPr>
            <p:spPr>
              <a:xfrm>
                <a:off x="2298700" y="939799"/>
                <a:ext cx="2222500" cy="1923315"/>
              </a:xfrm>
              <a:custGeom>
                <a:gdLst>
                  <a:gd fmla="*/ 0 w 2222500" name="connsiteX0"/>
                  <a:gd fmla="*/ 0 h 1397000" name="connsiteY0"/>
                  <a:gd fmla="*/ 1397000 w 2222500" name="connsiteX1"/>
                  <a:gd fmla="*/ 1397000 h 1397000" name="connsiteY1"/>
                  <a:gd fmla="*/ 2222500 w 2222500" name="connsiteX2"/>
                  <a:gd fmla="*/ 1397000 h 1397000" name="connsiteY2"/>
                  <a:gd fmla="*/ 825500 w 2222500" name="connsiteX3"/>
                  <a:gd fmla="*/ 0 h 1397000" name="connsiteY3"/>
                  <a:gd fmla="*/ 0 w 2222500" name="connsiteX4"/>
                  <a:gd fmla="*/ 0 h 1397000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397000" w="2222500">
                    <a:moveTo>
                      <a:pt x="0" y="0"/>
                    </a:moveTo>
                    <a:lnTo>
                      <a:pt x="1397000" y="1397000"/>
                    </a:lnTo>
                    <a:lnTo>
                      <a:pt x="2222500" y="1397000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accent5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  <a:prstTxWarp prst="textNoShape">
                  <a:avLst/>
                </a:prstTxWarp>
                <a:noAutofit/>
              </a:bodyPr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49" name="矩形 48"/>
            <p:cNvSpPr/>
            <p:nvPr/>
          </p:nvSpPr>
          <p:spPr>
            <a:xfrm rot="3273216">
              <a:off x="3679288" y="1568330"/>
              <a:ext cx="18084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</a:t>
              </a:r>
            </a:p>
          </p:txBody>
        </p:sp>
      </p:grpSp>
      <p:grpSp>
        <p:nvGrpSpPr>
          <p:cNvPr id="52" name="组合 51"/>
          <p:cNvGrpSpPr/>
          <p:nvPr/>
        </p:nvGrpSpPr>
        <p:grpSpPr>
          <a:xfrm>
            <a:off x="5318881" y="2066547"/>
            <a:ext cx="2829559" cy="2617822"/>
            <a:chOff x="2171701" y="934519"/>
            <a:chExt cx="2829559" cy="2617822"/>
          </a:xfrm>
        </p:grpSpPr>
        <p:grpSp>
          <p:nvGrpSpPr>
            <p:cNvPr id="53" name="组合 52"/>
            <p:cNvGrpSpPr/>
            <p:nvPr/>
          </p:nvGrpSpPr>
          <p:grpSpPr>
            <a:xfrm>
              <a:off x="2171701" y="939799"/>
              <a:ext cx="2829559" cy="2612542"/>
              <a:chOff x="2171701" y="939799"/>
              <a:chExt cx="2829559" cy="2612542"/>
            </a:xfrm>
          </p:grpSpPr>
          <p:sp>
            <p:nvSpPr>
              <p:cNvPr id="55" name="任意多边形 54"/>
              <p:cNvSpPr/>
              <p:nvPr/>
            </p:nvSpPr>
            <p:spPr>
              <a:xfrm>
                <a:off x="2171701" y="940594"/>
                <a:ext cx="292894" cy="159545"/>
              </a:xfrm>
              <a:custGeom>
                <a:gdLst>
                  <a:gd fmla="*/ 130969 w 292894" name="connsiteX0"/>
                  <a:gd fmla="*/ 0 h 159545" name="connsiteY0"/>
                  <a:gd fmla="*/ 0 w 292894" name="connsiteX1"/>
                  <a:gd fmla="*/ 159544 h 159545" name="connsiteY1"/>
                  <a:gd fmla="*/ 292894 w 292894" name="connsiteX2"/>
                  <a:gd fmla="*/ 159545 h 159545" name="connsiteY2"/>
                  <a:gd fmla="*/ 130969 w 292894" name="connsiteX3"/>
                  <a:gd fmla="*/ 0 h 159545" name="connsiteY3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</a:cxnLst>
                <a:rect b="b" l="l" r="r" t="t"/>
                <a:pathLst>
                  <a:path h="159545" w="292894">
                    <a:moveTo>
                      <a:pt x="130969" y="0"/>
                    </a:moveTo>
                    <a:lnTo>
                      <a:pt x="0" y="159544"/>
                    </a:lnTo>
                    <a:lnTo>
                      <a:pt x="292894" y="159545"/>
                    </a:lnTo>
                    <a:lnTo>
                      <a:pt x="130969" y="0"/>
                    </a:lnTo>
                    <a:close/>
                  </a:path>
                </a:pathLst>
              </a:custGeom>
              <a:solidFill>
                <a:schemeClr val="tx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  <p:sp>
            <p:nvSpPr>
              <p:cNvPr id="56" name="任意多边形 55"/>
              <p:cNvSpPr/>
              <p:nvPr/>
            </p:nvSpPr>
            <p:spPr>
              <a:xfrm>
                <a:off x="2298700" y="939799"/>
                <a:ext cx="2702560" cy="2612542"/>
              </a:xfrm>
              <a:custGeom>
                <a:gdLst>
                  <a:gd fmla="*/ 0 w 2702560" name="connsiteX0"/>
                  <a:gd fmla="*/ 0 h 1907295" name="connsiteY0"/>
                  <a:gd fmla="*/ 1898968 w 2702560" name="connsiteX1"/>
                  <a:gd fmla="*/ 1907295 h 1907295" name="connsiteY1"/>
                  <a:gd fmla="*/ 2702560 w 2702560" name="connsiteX2"/>
                  <a:gd fmla="*/ 1904654 h 1907295" name="connsiteY2"/>
                  <a:gd fmla="*/ 825500 w 2702560" name="connsiteX3"/>
                  <a:gd fmla="*/ 0 h 1907295" name="connsiteY3"/>
                  <a:gd fmla="*/ 0 w 2702560" name="connsiteX4"/>
                  <a:gd fmla="*/ 0 h 1907295" name="connsiteY4"/>
                  <a:gd fmla="*/ 165100 w 2387600" name="connsiteX5"/>
                  <a:gd fmla="*/ 0 h 1397000" name="connsiteY5"/>
                </a:gdLst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</a:cxnLst>
                <a:rect b="b" l="l" r="r" t="t"/>
                <a:pathLst>
                  <a:path h="1907295" w="2702560">
                    <a:moveTo>
                      <a:pt x="0" y="0"/>
                    </a:moveTo>
                    <a:lnTo>
                      <a:pt x="1898968" y="1907295"/>
                    </a:lnTo>
                    <a:lnTo>
                      <a:pt x="2702560" y="1904654"/>
                    </a:lnTo>
                    <a:lnTo>
                      <a:pt x="825500" y="0"/>
                    </a:lnTo>
                    <a:lnTo>
                      <a:pt x="0" y="0"/>
                    </a:lnTo>
                  </a:path>
                </a:pathLst>
              </a:custGeom>
              <a:solidFill>
                <a:schemeClr val="tx1">
                  <a:lumMod val="85000"/>
                  <a:lumOff val="1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 rtlCol="0"/>
              <a:lstStyle/>
              <a:p>
                <a:pPr algn="ctr"/>
                <a:endParaRPr altLang="en-US" lang="zh-CN"/>
              </a:p>
            </p:txBody>
          </p:sp>
        </p:grpSp>
        <p:sp>
          <p:nvSpPr>
            <p:cNvPr id="54" name="矩形 53"/>
            <p:cNvSpPr/>
            <p:nvPr/>
          </p:nvSpPr>
          <p:spPr>
            <a:xfrm rot="3329058">
              <a:off x="2403085" y="1875295"/>
              <a:ext cx="2214880" cy="33528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altLang="en-US" kern="0" lang="zh-CN" sz="16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标题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45" presetSubtype="0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500" id="7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500" fill="hold" id="8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fmla="#ppt_w*sin(2.5*pi*$)"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500" fill="hold" id="9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2" presetSubtype="8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12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13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4" nodeType="withEffect" presetClass="exit" presetID="2" presetSubtype="2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 additive="base">
                                        <p:cTn dur="500" id="15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1+ppt_w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id="16"/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dur="1" fill="hold" id="17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a14="http://schemas.microsoft.com/office/drawing/2010/main" xmlns:m="http://schemas.openxmlformats.org/officeDocument/2006/math" xmlns:mc="http://schemas.openxmlformats.org/markup-compatibility/2006" xmlns:p="http://schemas.openxmlformats.org/presentationml/2006/main" xmlns:p14="http://schemas.microsoft.com/office/powerpoint/2010/main" xmlns:p15="http://schemas.microsoft.com/office/powerpoint/2012/main" xmlns:p159="http://schemas.microsoft.com/office/powerpoint/2015/09/main" xmlns:r="http://schemas.openxmlformats.org/officeDocument/2006/relationships" xmlns:w="http://schemas.openxmlformats.org/wordprocessingml/2006/main" xmlns:wp="http://schemas.openxmlformats.org/drawingml/2006/wordprocessingDrawing">
  <p:cSld>
    <p:spTree>
      <p:nvGrpSpPr>
        <p:cNvPr id="1" name=""/>
        <p:cNvGrpSpPr/>
        <p:nvPr/>
      </p:nvGrpSpPr>
      <p:grpSpPr>
        <a:xfrm>
          <a:off x="0" y="0"/>
          <a:ext cx="0" cy="0"/>
        </a:xfrm>
      </p:grpSpPr>
      <p:grpSp>
        <p:nvGrpSpPr>
          <p:cNvPr id="2" name="组合 1"/>
          <p:cNvGrpSpPr/>
          <p:nvPr/>
        </p:nvGrpSpPr>
        <p:grpSpPr>
          <a:xfrm>
            <a:off x="4782033" y="2468236"/>
            <a:ext cx="5113168" cy="2141950"/>
            <a:chOff x="2972083" y="1979113"/>
            <a:chExt cx="5113168" cy="2141950"/>
          </a:xfrm>
        </p:grpSpPr>
        <p:sp>
          <p:nvSpPr>
            <p:cNvPr id="3" name="矩形 2"/>
            <p:cNvSpPr/>
            <p:nvPr/>
          </p:nvSpPr>
          <p:spPr>
            <a:xfrm>
              <a:off x="2972083" y="1979113"/>
              <a:ext cx="5113168" cy="2141950"/>
            </a:xfrm>
            <a:prstGeom prst="rect">
              <a:avLst/>
            </a:prstGeom>
            <a:solidFill>
              <a:schemeClr val="accent5">
                <a:lumMod val="5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anchorCtr="0" bIns="45720" compatLnSpc="1" forceAA="0" fromWordArt="0" horzOverflow="overflow" lIns="91440" numCol="1" rIns="91440" rot="0" rtlCol="0" spcCol="0" spcFirstLastPara="0" tIns="45720" vert="horz" vertOverflow="overflow" wrap="square">
              <a:prstTxWarp prst="textNoShape">
                <a:avLst/>
              </a:prstTxWarp>
              <a:noAutofit/>
            </a:bodyPr>
            <a:lstStyle/>
            <a:p>
              <a:pPr algn="ctr"/>
              <a:endParaRPr altLang="en-US" lang="zh-CN">
                <a:solidFill>
                  <a:schemeClr val="bg1"/>
                </a:solidFill>
              </a:endParaRPr>
            </a:p>
          </p:txBody>
        </p:sp>
        <p:sp>
          <p:nvSpPr>
            <p:cNvPr id="4" name="矩形 3"/>
            <p:cNvSpPr>
              <a:spLocks noChangeArrowheads="1"/>
            </p:cNvSpPr>
            <p:nvPr/>
          </p:nvSpPr>
          <p:spPr bwMode="auto">
            <a:xfrm>
              <a:off x="3116099" y="2213309"/>
              <a:ext cx="4969152" cy="161544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>
                  <a:solidFill>
                    <a:srgbClr val="FFFFFF"/>
                  </a:solidFill>
                </a14:hiddenFill>
              </a:ext>
              <a:ext uri="{91240B29-F687-4F45-9708-019B960494DF}">
                <a14:hiddenLine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>
                <a:lnSpc>
                  <a:spcPts val="2000"/>
                </a:lnSpc>
              </a:pPr>
              <a:r>
                <a:rPr altLang="zh-CN" lang="en-US" sz="1200">
                  <a:solidFill>
                    <a:schemeClr val="bg1"/>
                  </a:solidFill>
                  <a:latin typeface="Arial"/>
                </a:rPr>
                <a:t>RAPIDPPT, the leader of professional PPT designer in China. </a:t>
              </a:r>
            </a:p>
            <a:p>
              <a:pPr>
                <a:lnSpc>
                  <a:spcPts val="2000"/>
                </a:lnSpc>
              </a:pPr>
              <a:r>
                <a:rPr altLang="zh-CN" lang="en-US" sz="1200">
                  <a:solidFill>
                    <a:schemeClr val="bg1"/>
                  </a:solidFill>
                  <a:latin typeface="Arial"/>
                </a:rPr>
                <a:t>5years of making professional PPT,</a:t>
              </a:r>
            </a:p>
            <a:p>
              <a:pPr>
                <a:lnSpc>
                  <a:spcPts val="2000"/>
                </a:lnSpc>
              </a:pPr>
              <a:r>
                <a:rPr altLang="zh-CN" lang="en-US" sz="1200">
                  <a:solidFill>
                    <a:schemeClr val="bg1"/>
                  </a:solidFill>
                  <a:latin typeface="Arial"/>
                </a:rPr>
                <a:t>classical PPT, </a:t>
              </a:r>
            </a:p>
            <a:p>
              <a:pPr>
                <a:lnSpc>
                  <a:spcPts val="2000"/>
                </a:lnSpc>
              </a:pPr>
              <a:r>
                <a:rPr altLang="zh-CN" lang="en-US" sz="1200">
                  <a:solidFill>
                    <a:schemeClr val="bg1"/>
                  </a:solidFill>
                  <a:latin typeface="Arial"/>
                </a:rPr>
                <a:t>make sure you will be satisfied. ……RAPIDPPT </a:t>
              </a:r>
            </a:p>
            <a:p>
              <a:pPr>
                <a:lnSpc>
                  <a:spcPts val="2000"/>
                </a:lnSpc>
              </a:pPr>
              <a:r>
                <a:rPr altLang="zh-CN" lang="en-US" sz="1200">
                  <a:solidFill>
                    <a:schemeClr val="bg1"/>
                  </a:solidFill>
                  <a:latin typeface="Arial"/>
                </a:rPr>
                <a:t>differs from the traditional production model, and create a new PPT experience.</a:t>
              </a:r>
            </a:p>
          </p:txBody>
        </p:sp>
      </p:grpSp>
      <p:grpSp>
        <p:nvGrpSpPr>
          <p:cNvPr id="5" name="组合 4"/>
          <p:cNvGrpSpPr/>
          <p:nvPr/>
        </p:nvGrpSpPr>
        <p:grpSpPr>
          <a:xfrm>
            <a:off x="2138873" y="2465557"/>
            <a:ext cx="2471242" cy="313932"/>
            <a:chOff x="438410" y="1824281"/>
            <a:chExt cx="2471242" cy="313932"/>
          </a:xfrm>
        </p:grpSpPr>
        <p:sp>
          <p:nvSpPr>
            <p:cNvPr id="6" name="矩形 5"/>
            <p:cNvSpPr/>
            <p:nvPr/>
          </p:nvSpPr>
          <p:spPr>
            <a:xfrm>
              <a:off x="438410" y="1826551"/>
              <a:ext cx="2471242" cy="296826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7" name="矩形 6"/>
            <p:cNvSpPr/>
            <p:nvPr/>
          </p:nvSpPr>
          <p:spPr>
            <a:xfrm>
              <a:off x="673460" y="1824281"/>
              <a:ext cx="17068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内容</a:t>
              </a:r>
            </a:p>
          </p:txBody>
        </p:sp>
      </p:grpSp>
      <p:grpSp>
        <p:nvGrpSpPr>
          <p:cNvPr id="8" name="组合 7"/>
          <p:cNvGrpSpPr/>
          <p:nvPr/>
        </p:nvGrpSpPr>
        <p:grpSpPr>
          <a:xfrm>
            <a:off x="2138873" y="2894293"/>
            <a:ext cx="2471242" cy="324188"/>
            <a:chOff x="438410" y="2239910"/>
            <a:chExt cx="2471242" cy="324188"/>
          </a:xfrm>
        </p:grpSpPr>
        <p:sp>
          <p:nvSpPr>
            <p:cNvPr id="9" name="矩形 8"/>
            <p:cNvSpPr/>
            <p:nvPr/>
          </p:nvSpPr>
          <p:spPr>
            <a:xfrm>
              <a:off x="438410" y="2239910"/>
              <a:ext cx="2471242" cy="296826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10" name="矩形 9"/>
            <p:cNvSpPr/>
            <p:nvPr/>
          </p:nvSpPr>
          <p:spPr>
            <a:xfrm>
              <a:off x="673460" y="2250166"/>
              <a:ext cx="17068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内容</a:t>
              </a:r>
            </a:p>
          </p:txBody>
        </p:sp>
      </p:grpSp>
      <p:grpSp>
        <p:nvGrpSpPr>
          <p:cNvPr id="11" name="组合 10"/>
          <p:cNvGrpSpPr/>
          <p:nvPr/>
        </p:nvGrpSpPr>
        <p:grpSpPr>
          <a:xfrm>
            <a:off x="2138873" y="3342790"/>
            <a:ext cx="2471242" cy="313932"/>
            <a:chOff x="438410" y="2701103"/>
            <a:chExt cx="2471242" cy="313932"/>
          </a:xfrm>
        </p:grpSpPr>
        <p:sp>
          <p:nvSpPr>
            <p:cNvPr id="12" name="矩形 11"/>
            <p:cNvSpPr/>
            <p:nvPr/>
          </p:nvSpPr>
          <p:spPr>
            <a:xfrm>
              <a:off x="438410" y="2703373"/>
              <a:ext cx="2471242" cy="296826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 rtlCol="0"/>
            <a:lstStyle/>
            <a:p>
              <a:pPr algn="ctr"/>
              <a:endParaRPr altLang="en-US" lang="zh-CN"/>
            </a:p>
          </p:txBody>
        </p:sp>
        <p:sp>
          <p:nvSpPr>
            <p:cNvPr id="13" name="矩形 12"/>
            <p:cNvSpPr/>
            <p:nvPr/>
          </p:nvSpPr>
          <p:spPr>
            <a:xfrm>
              <a:off x="673460" y="2701103"/>
              <a:ext cx="1706880" cy="310896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85738">
                <a:lnSpc>
                  <a:spcPct val="120000"/>
                </a:lnSpc>
              </a:pPr>
              <a:r>
                <a:rPr altLang="en-US" kern="0" lang="zh-CN" sz="1200">
                  <a:solidFill>
                    <a:schemeClr val="bg1"/>
                  </a:solidFill>
                  <a:latin charset="-122" pitchFamily="34" typeface="微软雅黑"/>
                  <a:ea charset="-122" pitchFamily="34" typeface="微软雅黑"/>
                </a:rPr>
                <a:t>单击此处添加文字内容</a:t>
              </a:r>
            </a:p>
          </p:txBody>
        </p:sp>
      </p:grpSp>
    </p:spTree>
    <p:extLst>
      <p:ext uri="{BB962C8B-B14F-4D97-AF65-F5344CB8AC3E}">
        <p14:creationId val="4030663586"/>
      </p:ext>
    </p:extLst>
  </p:cSld>
  <p:clrMapOvr>
    <a:masterClrMapping/>
  </p:clrMapOvr>
  <mc:AlternateContent>
    <mc:Choice Requires="p14">
      <p:transition p14:dur="250">
        <p:fade/>
      </p:transition>
    </mc:Choice>
    <mc:Fallback>
      <p:transition>
        <p:fade/>
      </p:transition>
    </mc:Fallback>
  </mc:AlternateContent>
  <p:timing>
    <p:tnLst>
      <p:par>
        <p:cTn dur="indefinite" id="1" nodeType="tmRoot" restart="never">
          <p:childTnLst>
            <p:seq concurrent="1" nextAc="seek">
              <p:cTn dur="indefinite" id="2" nodeType="mainSeq">
                <p:childTnLst>
                  <p:par>
                    <p:cTn fill="hold" id="3" nodeType="clickPar">
                      <p:stCondLst>
                        <p:cond delay="indefinite"/>
                        <p:cond delay="0" evt="onBegin">
                          <p:tn val="2"/>
                        </p:cond>
                      </p:stCondLst>
                      <p:childTnLst>
                        <p:par>
                          <p:cTn fill="hold" id="4" nodeType="afterGroup">
                            <p:stCondLst>
                              <p:cond delay="0"/>
                            </p:stCondLst>
                            <p:childTnLst>
                              <p:par>
                                <p:cTn fill="hold" id="5" nodeType="withEffect" presetClass="entr" presetID="47" presetSubtype="0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dur="1" fill="hold" id="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50" id="7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50" fill="hold" id="8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9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0" nodeType="withEffect" presetClass="entr" presetID="47" presetSubtype="0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dur="1" fill="hold" id="1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50" id="12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50" fill="hold" id="13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14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15" nodeType="withEffect" presetClass="entr" presetID="47" presetSubtype="0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dur="1" fill="hold" id="16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filter="fade" transition="in">
                                      <p:cBhvr>
                                        <p:cTn dur="750" id="17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dur="750" fill="hold" id="18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dur="750" fill="hold" id="19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fill="hold" id="20" nodeType="withEffect" presetClass="entr" presetID="2" presetSubtype="8">
                                  <p:stCondLst>
                                    <p:cond delay="900"/>
                                  </p:stCondLst>
                                  <p:childTnLst>
                                    <p:set>
                                      <p:cBhvr>
                                        <p:cTn dur="1" fill="hold" id="21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dur="500" fill="hold" id="22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dur="500" fill="hold" id="23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delay="0" evt="onPrev">
                  <p:tgtEl>
                    <p:sldTgt/>
                  </p:tgtEl>
                </p:cond>
              </p:prevCondLst>
              <p:nextCondLst>
                <p:cond delay="0" evt="onNext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ags/tag1.xml><?xml version="1.0" encoding="utf-8"?>
<p:tagLst xmlns:p="http://schemas.openxmlformats.org/presentationml/2006/main">
  <p:tag name="AS_NET" val="4.0.30319.42000"/>
  <p:tag name="AS_OS" val="Microsoft Windows NT 6.2.9200.0"/>
  <p:tag name="AS_RELEASE_DATE" val="2020.04.14"/>
  <p:tag name="AS_TITLE" val="Aspose.Slides for .NET 4.0 Client Profile"/>
  <p:tag name="AS_VERSION" val="20.4"/>
</p:tagLst>
</file>

<file path=ppt/theme/theme1.xml><?xml version="1.0" encoding="utf-8"?>
<a:theme xmlns:r="http://schemas.openxmlformats.org/officeDocument/2006/relationships" xmlns:a="http://schemas.openxmlformats.org/drawingml/2006/main" name="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</a:theme>
</file>

<file path=ppt/theme/theme2.xml><?xml version="1.0" encoding="utf-8"?>
<a:theme xmlns:r="http://schemas.openxmlformats.org/officeDocument/2006/relationships" xmlns:a="http://schemas.openxmlformats.org/drawingml/2006/main" name="">
  <a:themeElements>
    <a:clrScheme name="Office 主题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主题">
      <a:majorFont>
        <a:latin typeface="Calibri Light" panose="020f0302020204030204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主题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Lst>
    <a:ext uri="{05A4C25C-085E-4340-85A3-A5531E510DB2}">
      <thm15:themeFamily xmlns:thm15="http://schemas.microsoft.com/office/thememl/2012/main" id="{62F939B6-93AF-4DB8-9C6B-D6C7DFDC589F}" name="Office Theme" vid="{4A3C46E8-61CC-4603-A589-7422A47A8E4A}"/>
    </a:ext>
  </a:extLst>
</a:theme>
</file>

<file path=ppt/theme/theme3.xml><?xml version="1.0" encoding="utf-8"?>
<a:theme xmlns:r="http://schemas.openxmlformats.org/officeDocument/2006/relationships" xmlns:a="http://schemas.openxmlformats.org/drawingml/2006/main" name="Office 主题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Arial"/>
        <a:cs typeface="Arial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Lst>
    <a:ext uri="{05A4C25C-085E-4340-85A3-A5531E510DB2}">
      <thm15:themeFamily xmlns:thm15="http://schemas.microsoft.com/office/thememl/2012/main" id="{62F939B6-93AF-4DB8-9C6B-D6C7DFDC589F}" name="Office Theme" vid="{4A3C46E8-61CC-4603-A589-7422A47A8E4A}"/>
    </a:ext>
  </a:extLst>
</a:theme>
</file>

<file path=docProps/app.xml><?xml version="1.0" encoding="utf-8"?>
<Properties xmlns:vt="http://schemas.openxmlformats.org/officeDocument/2006/docPropsVTypes" xmlns="http://schemas.openxmlformats.org/officeDocument/2006/extended-properties">
  <Company/>
  <PresentationFormat>宽屏</PresentationFormat>
  <Paragraphs>239</Paragraphs>
  <Slides>31</Slides>
  <Notes>1</Notes>
  <TotalTime>172</TotalTime>
  <HiddenSlides>0</HiddenSlides>
  <MMClips>0</MMClips>
  <ScaleCrop>0</ScaleCrop>
  <HeadingPairs>
    <vt:vector baseType="variant" size="6">
      <vt:variant>
        <vt:lpstr>Fonts used</vt:lpstr>
      </vt:variant>
      <vt:variant>
        <vt:i4>2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1</vt:i4>
      </vt:variant>
    </vt:vector>
  </HeadingPairs>
  <TitlesOfParts>
    <vt:vector baseType="lpstr" size="52">
      <vt:lpstr>Arial</vt:lpstr>
      <vt:lpstr>Calibri</vt:lpstr>
      <vt:lpstr>微软雅黑</vt:lpstr>
      <vt:lpstr>Times New Roman</vt:lpstr>
      <vt:lpstr>Calibri Light</vt:lpstr>
      <vt:lpstr>Edwardian Script ITC</vt:lpstr>
      <vt:lpstr>叶根友刀锋黑草</vt:lpstr>
      <vt:lpstr>宋体</vt:lpstr>
      <vt:lpstr>Arial Black</vt:lpstr>
      <vt:lpstr>方正粗宋简体</vt:lpstr>
      <vt:lpstr>Adobe 明體 Std L</vt:lpstr>
      <vt:lpstr>方正综艺_GBK</vt:lpstr>
      <vt:lpstr>方正正中黑简体</vt:lpstr>
      <vt:lpstr>方正超粗黑简体</vt:lpstr>
      <vt:lpstr>Rockwell Extra Bold</vt:lpstr>
      <vt:lpstr>方正正粗黑简体</vt:lpstr>
      <vt:lpstr>MStiffHeiHK-UltraBold</vt:lpstr>
      <vt:lpstr>Franklin Gothic Book</vt:lpstr>
      <vt:lpstr>Meiryo</vt:lpstr>
      <vt:lpstr>幼圆</vt:lpstr>
      <vt:lpstr>Office 主题​​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0</LinksUpToDate>
  <SharedDoc>0</SharedDoc>
  <HyperlinksChanged>0</HyperlinksChanged>
  <Application>Aspose.Slides for .NET</Application>
  <AppVersion>20.04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xsi="http://www.w3.org/2001/XMLSchema-instance">
  <dcterms:created xsi:type="dcterms:W3CDTF">2013-07-22T14:16:44Z</dcterms:created>
  <cp:lastModifiedBy>Administrator</cp:lastModifiedBy>
  <dcterms:modified xsi:type="dcterms:W3CDTF">2021-08-20T11:00:33Z</dcterms:modified>
  <cp:revision>82</cp:revision>
  <dc:title>PowerPoint 演示文稿</dc:title>
</cp:coreProperties>
</file>